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後\"/>
    </mc:Choice>
  </mc:AlternateContent>
  <bookViews>
    <workbookView xWindow="0" yWindow="0" windowWidth="20400" windowHeight="7230"/>
  </bookViews>
  <sheets>
    <sheet name="13-1" sheetId="1" r:id="rId1"/>
    <sheet name="13-2" sheetId="2" r:id="rId2"/>
  </sheets>
  <externalReferences>
    <externalReference r:id="rId3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3-1'!$A$1:$P$39</definedName>
    <definedName name="_xlnm.Print_Area" localSheetId="1">'13-2'!$A$1:$AM$39</definedName>
    <definedName name="_xlnm.Print_Titles" localSheetId="0">'13-1'!$A:$A</definedName>
    <definedName name="_xlnm.Print_Titles" localSheetId="1">'13-2'!$A:$A</definedName>
  </definedNames>
  <calcPr calcId="152511"/>
</workbook>
</file>

<file path=xl/sharedStrings.xml><?xml version="1.0" encoding="utf-8"?>
<sst xmlns="http://schemas.openxmlformats.org/spreadsheetml/2006/main" count="149" uniqueCount="87">
  <si>
    <t>農林</t>
    <rPh sb="0" eb="2">
      <t>ノウリン</t>
    </rPh>
    <phoneticPr fontId="1"/>
  </si>
  <si>
    <t>前年度</t>
    <rPh sb="0" eb="3">
      <t>ゼンネンド</t>
    </rPh>
    <phoneticPr fontId="2"/>
  </si>
  <si>
    <t>議会費</t>
    <rPh sb="0" eb="2">
      <t>ギカイ</t>
    </rPh>
    <rPh sb="2" eb="3">
      <t>ヒ</t>
    </rPh>
    <phoneticPr fontId="2"/>
  </si>
  <si>
    <t>総務費</t>
    <rPh sb="0" eb="3">
      <t>ソウムヒ</t>
    </rPh>
    <phoneticPr fontId="2"/>
  </si>
  <si>
    <t>民生費</t>
    <rPh sb="0" eb="3">
      <t>ミンセイヒ</t>
    </rPh>
    <phoneticPr fontId="2"/>
  </si>
  <si>
    <t>衛生費</t>
    <rPh sb="0" eb="3">
      <t>エイセイヒ</t>
    </rPh>
    <phoneticPr fontId="2"/>
  </si>
  <si>
    <t>労働費</t>
  </si>
  <si>
    <t>商工費</t>
  </si>
  <si>
    <t>土木費</t>
    <rPh sb="0" eb="3">
      <t>ドボクヒ</t>
    </rPh>
    <phoneticPr fontId="2"/>
  </si>
  <si>
    <t>消防費</t>
    <rPh sb="0" eb="3">
      <t>ショウボウヒ</t>
    </rPh>
    <phoneticPr fontId="0"/>
  </si>
  <si>
    <t>教育費</t>
    <rPh sb="0" eb="3">
      <t>キョウイクヒ</t>
    </rPh>
    <phoneticPr fontId="2"/>
  </si>
  <si>
    <t>災害復旧費</t>
    <rPh sb="0" eb="2">
      <t>サイガイ</t>
    </rPh>
    <rPh sb="2" eb="4">
      <t>フッキュウ</t>
    </rPh>
    <rPh sb="4" eb="5">
      <t>ヒ</t>
    </rPh>
    <phoneticPr fontId="2"/>
  </si>
  <si>
    <t>公債費</t>
    <rPh sb="0" eb="3">
      <t>コウサイヒ</t>
    </rPh>
    <phoneticPr fontId="2"/>
  </si>
  <si>
    <t>諸支出金</t>
    <rPh sb="0" eb="3">
      <t>ショシシュツ</t>
    </rPh>
    <rPh sb="3" eb="4">
      <t>キン</t>
    </rPh>
    <phoneticPr fontId="2"/>
  </si>
  <si>
    <t>繰上充用金</t>
  </si>
  <si>
    <t>歳出合計</t>
    <rPh sb="0" eb="2">
      <t>サイシュツ</t>
    </rPh>
    <rPh sb="2" eb="4">
      <t>ゴウケイ</t>
    </rPh>
    <phoneticPr fontId="2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左の内訳</t>
    <rPh sb="0" eb="1">
      <t>ヒダリ</t>
    </rPh>
    <rPh sb="2" eb="4">
      <t>ウチワケ</t>
    </rPh>
    <phoneticPr fontId="1"/>
  </si>
  <si>
    <t>普通建設</t>
    <rPh sb="0" eb="2">
      <t>フツウ</t>
    </rPh>
    <rPh sb="2" eb="4">
      <t>ケンセツ</t>
    </rPh>
    <phoneticPr fontId="3"/>
  </si>
  <si>
    <t>同級他団体</t>
    <rPh sb="0" eb="2">
      <t>ドウキュウ</t>
    </rPh>
    <rPh sb="2" eb="5">
      <t>タダンタイ</t>
    </rPh>
    <phoneticPr fontId="3"/>
  </si>
  <si>
    <t>災害復旧</t>
    <rPh sb="0" eb="2">
      <t>サイガイ</t>
    </rPh>
    <rPh sb="2" eb="4">
      <t>フッキュウ</t>
    </rPh>
    <phoneticPr fontId="3"/>
  </si>
  <si>
    <t>失業対策</t>
    <rPh sb="0" eb="2">
      <t>シツギョウ</t>
    </rPh>
    <rPh sb="2" eb="4">
      <t>タイサク</t>
    </rPh>
    <phoneticPr fontId="3"/>
  </si>
  <si>
    <t>投資及び</t>
    <rPh sb="0" eb="2">
      <t>トウシ</t>
    </rPh>
    <phoneticPr fontId="3"/>
  </si>
  <si>
    <t>前年度</t>
    <rPh sb="0" eb="3">
      <t>ゼンネンド</t>
    </rPh>
    <phoneticPr fontId="3"/>
  </si>
  <si>
    <t>人件費</t>
    <rPh sb="0" eb="3">
      <t>ジンケンヒ</t>
    </rPh>
    <phoneticPr fontId="3"/>
  </si>
  <si>
    <t>左のうち</t>
    <rPh sb="0" eb="1">
      <t>ヒダリ</t>
    </rPh>
    <phoneticPr fontId="1"/>
  </si>
  <si>
    <t>物件費</t>
    <rPh sb="0" eb="2">
      <t>ブッケン</t>
    </rPh>
    <rPh sb="2" eb="3">
      <t>ヒ</t>
    </rPh>
    <phoneticPr fontId="3"/>
  </si>
  <si>
    <t>維持補修費</t>
    <rPh sb="0" eb="2">
      <t>イジ</t>
    </rPh>
    <rPh sb="2" eb="5">
      <t>ホシュウヒ</t>
    </rPh>
    <phoneticPr fontId="3"/>
  </si>
  <si>
    <t>扶助費</t>
    <rPh sb="0" eb="2">
      <t>フジョ</t>
    </rPh>
    <rPh sb="2" eb="3">
      <t>ヒ</t>
    </rPh>
    <phoneticPr fontId="3"/>
  </si>
  <si>
    <t>補助費等</t>
    <rPh sb="0" eb="3">
      <t>ホジョヒ</t>
    </rPh>
    <rPh sb="3" eb="4">
      <t>トウ</t>
    </rPh>
    <phoneticPr fontId="3"/>
  </si>
  <si>
    <t>国に</t>
    <rPh sb="0" eb="1">
      <t>クニ</t>
    </rPh>
    <phoneticPr fontId="3"/>
  </si>
  <si>
    <t>都道府県に</t>
    <rPh sb="0" eb="2">
      <t>トドウ</t>
    </rPh>
    <rPh sb="2" eb="3">
      <t>フ</t>
    </rPh>
    <rPh sb="3" eb="4">
      <t>ケン</t>
    </rPh>
    <phoneticPr fontId="3"/>
  </si>
  <si>
    <t>一部事務組合に</t>
    <rPh sb="0" eb="2">
      <t>イチブ</t>
    </rPh>
    <rPh sb="2" eb="4">
      <t>ジム</t>
    </rPh>
    <rPh sb="4" eb="6">
      <t>クミアイ</t>
    </rPh>
    <phoneticPr fontId="3"/>
  </si>
  <si>
    <t>その他に</t>
    <rPh sb="0" eb="3">
      <t>ソノタ</t>
    </rPh>
    <phoneticPr fontId="3"/>
  </si>
  <si>
    <t>事業費</t>
  </si>
  <si>
    <t>補助事業費</t>
    <rPh sb="0" eb="2">
      <t>ホジョ</t>
    </rPh>
    <rPh sb="2" eb="5">
      <t>ジギョウヒ</t>
    </rPh>
    <phoneticPr fontId="3"/>
  </si>
  <si>
    <t>単独事業費</t>
    <rPh sb="0" eb="2">
      <t>タンドク</t>
    </rPh>
    <rPh sb="2" eb="5">
      <t>ジギョウヒ</t>
    </rPh>
    <phoneticPr fontId="3"/>
  </si>
  <si>
    <t>国直轄事業</t>
    <rPh sb="0" eb="1">
      <t>クニ</t>
    </rPh>
    <rPh sb="1" eb="3">
      <t>チョッカツ</t>
    </rPh>
    <rPh sb="3" eb="5">
      <t>ジギョウ</t>
    </rPh>
    <phoneticPr fontId="3"/>
  </si>
  <si>
    <t>県営事業</t>
    <rPh sb="0" eb="2">
      <t>ケンエイ</t>
    </rPh>
    <rPh sb="2" eb="4">
      <t>ジギョウ</t>
    </rPh>
    <phoneticPr fontId="3"/>
  </si>
  <si>
    <t>施行事業</t>
  </si>
  <si>
    <t>受託事業費</t>
    <rPh sb="0" eb="2">
      <t>ジュタク</t>
    </rPh>
    <rPh sb="2" eb="5">
      <t>ジギョウヒ</t>
    </rPh>
    <phoneticPr fontId="3"/>
  </si>
  <si>
    <t>公債費</t>
    <rPh sb="0" eb="3">
      <t>コウサイヒ</t>
    </rPh>
    <phoneticPr fontId="3"/>
  </si>
  <si>
    <t>積立金</t>
    <rPh sb="0" eb="3">
      <t>ツミタテキン</t>
    </rPh>
    <phoneticPr fontId="3"/>
  </si>
  <si>
    <t>貸付金</t>
    <rPh sb="0" eb="3">
      <t>カシツケキン</t>
    </rPh>
    <phoneticPr fontId="3"/>
  </si>
  <si>
    <t>繰出金</t>
    <rPh sb="0" eb="2">
      <t>クリダシ</t>
    </rPh>
    <rPh sb="2" eb="3">
      <t>キン</t>
    </rPh>
    <phoneticPr fontId="3"/>
  </si>
  <si>
    <t>歳出合計</t>
    <rPh sb="0" eb="2">
      <t>サイシュツ</t>
    </rPh>
    <rPh sb="2" eb="4">
      <t>ゴウケイ</t>
    </rPh>
    <phoneticPr fontId="3"/>
  </si>
  <si>
    <t>退職金</t>
    <rPh sb="0" eb="3">
      <t>タイショクキン</t>
    </rPh>
    <phoneticPr fontId="1"/>
  </si>
  <si>
    <t>対するもの</t>
  </si>
  <si>
    <t>負担金</t>
  </si>
  <si>
    <t>左の内訳</t>
    <phoneticPr fontId="1"/>
  </si>
  <si>
    <t>同級他団体に</t>
    <rPh sb="0" eb="2">
      <t>ドウキュウ</t>
    </rPh>
    <rPh sb="2" eb="5">
      <t>タダンタイ</t>
    </rPh>
    <phoneticPr fontId="3"/>
  </si>
  <si>
    <t>出資金</t>
    <phoneticPr fontId="1"/>
  </si>
  <si>
    <t>負担金</t>
    <phoneticPr fontId="1"/>
  </si>
  <si>
    <t>水産業費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1" xfId="0" applyNumberFormat="1" applyFont="1" applyBorder="1" applyAlignment="1">
      <alignment horizontal="center" vertical="center" shrinkToFit="1"/>
    </xf>
    <xf numFmtId="0" fontId="4" fillId="0" borderId="2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 shrinkToFit="1"/>
    </xf>
    <xf numFmtId="0" fontId="4" fillId="0" borderId="0" xfId="0" applyNumberFormat="1" applyFont="1" applyBorder="1" applyAlignment="1">
      <alignment horizontal="center"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8" xfId="0" applyNumberFormat="1" applyFont="1" applyBorder="1" applyAlignment="1">
      <alignment horizontal="center" vertical="center" shrinkToFit="1"/>
    </xf>
    <xf numFmtId="0" fontId="4" fillId="0" borderId="9" xfId="0" applyNumberFormat="1" applyFont="1" applyBorder="1" applyAlignment="1">
      <alignment horizontal="center" vertical="center" shrinkToFit="1"/>
    </xf>
    <xf numFmtId="0" fontId="4" fillId="0" borderId="7" xfId="0" applyNumberFormat="1" applyFont="1" applyBorder="1" applyAlignment="1">
      <alignment horizontal="centerContinuous" vertical="center" shrinkToFit="1"/>
    </xf>
    <xf numFmtId="0" fontId="4" fillId="0" borderId="3" xfId="0" applyNumberFormat="1" applyFont="1" applyBorder="1" applyAlignment="1">
      <alignment horizontal="centerContinuous" vertical="center" shrinkToFit="1"/>
    </xf>
    <xf numFmtId="176" fontId="4" fillId="0" borderId="4" xfId="0" applyNumberFormat="1" applyFont="1" applyBorder="1" applyAlignment="1">
      <alignment vertical="center" shrinkToFit="1"/>
    </xf>
    <xf numFmtId="176" fontId="4" fillId="0" borderId="5" xfId="0" applyNumberFormat="1" applyFont="1" applyBorder="1" applyAlignment="1">
      <alignment vertical="center" shrinkToFit="1"/>
    </xf>
    <xf numFmtId="176" fontId="4" fillId="0" borderId="6" xfId="0" applyNumberFormat="1" applyFont="1" applyBorder="1" applyAlignment="1">
      <alignment vertical="center" shrinkToFit="1"/>
    </xf>
    <xf numFmtId="176" fontId="4" fillId="2" borderId="7" xfId="0" applyNumberFormat="1" applyFont="1" applyFill="1" applyBorder="1" applyAlignment="1">
      <alignment vertical="center" shrinkToFit="1"/>
    </xf>
    <xf numFmtId="0" fontId="4" fillId="0" borderId="10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9"/>
  <sheetViews>
    <sheetView tabSelected="1" zoomScaleNormal="100" zoomScaleSheetLayoutView="100" workbookViewId="0">
      <selection activeCell="G43" sqref="G43"/>
    </sheetView>
  </sheetViews>
  <sheetFormatPr defaultColWidth="9.375" defaultRowHeight="11.25"/>
  <cols>
    <col min="1" max="1" width="14.125" style="8" customWidth="1"/>
    <col min="2" max="3" width="9.375" style="8" customWidth="1"/>
    <col min="4" max="16384" width="9.375" style="9"/>
  </cols>
  <sheetData>
    <row r="1" spans="1:16" s="10" customFormat="1" ht="17.25" customHeight="1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1:16" s="10" customFormat="1" ht="17.25" customHeight="1">
      <c r="A2" s="2"/>
      <c r="B2" s="2"/>
      <c r="C2" s="2"/>
      <c r="D2" s="2"/>
      <c r="E2" s="2"/>
      <c r="F2" s="2"/>
      <c r="G2" s="2" t="s">
        <v>0</v>
      </c>
      <c r="H2" s="2"/>
      <c r="I2" s="2"/>
      <c r="J2" s="2"/>
      <c r="K2" s="2"/>
      <c r="L2" s="2"/>
      <c r="M2" s="2"/>
      <c r="N2" s="2"/>
      <c r="O2" s="2" t="s">
        <v>1</v>
      </c>
      <c r="P2" s="2"/>
    </row>
    <row r="3" spans="1:16" s="10" customFormat="1" ht="17.25" customHeight="1">
      <c r="A3" s="2"/>
      <c r="B3" s="2" t="s">
        <v>2</v>
      </c>
      <c r="C3" s="2" t="s">
        <v>3</v>
      </c>
      <c r="D3" s="2" t="s">
        <v>4</v>
      </c>
      <c r="E3" s="2" t="s">
        <v>5</v>
      </c>
      <c r="F3" s="2" t="s">
        <v>6</v>
      </c>
      <c r="G3" s="2" t="s">
        <v>86</v>
      </c>
      <c r="H3" s="2" t="s">
        <v>7</v>
      </c>
      <c r="I3" s="2" t="s">
        <v>8</v>
      </c>
      <c r="J3" s="2" t="s">
        <v>9</v>
      </c>
      <c r="K3" s="2" t="s">
        <v>10</v>
      </c>
      <c r="L3" s="2" t="s">
        <v>11</v>
      </c>
      <c r="M3" s="2" t="s">
        <v>12</v>
      </c>
      <c r="N3" s="2" t="s">
        <v>13</v>
      </c>
      <c r="O3" s="2" t="s">
        <v>14</v>
      </c>
      <c r="P3" s="2" t="s">
        <v>15</v>
      </c>
    </row>
    <row r="4" spans="1:16" s="10" customFormat="1" ht="17.25" customHeight="1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1:16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</row>
    <row r="6" spans="1:16" ht="17.25" customHeight="1">
      <c r="A6" s="4" t="s">
        <v>16</v>
      </c>
      <c r="B6" s="16">
        <v>3009772</v>
      </c>
      <c r="C6" s="16">
        <v>109220785</v>
      </c>
      <c r="D6" s="16">
        <v>635692666</v>
      </c>
      <c r="E6" s="16">
        <v>100224336</v>
      </c>
      <c r="F6" s="16">
        <v>1274155</v>
      </c>
      <c r="G6" s="16">
        <v>1794857</v>
      </c>
      <c r="H6" s="16">
        <v>49241310</v>
      </c>
      <c r="I6" s="16">
        <v>252886112</v>
      </c>
      <c r="J6" s="16">
        <v>40600055</v>
      </c>
      <c r="K6" s="16">
        <v>288238688</v>
      </c>
      <c r="L6" s="16">
        <v>0</v>
      </c>
      <c r="M6" s="16">
        <v>183924831</v>
      </c>
      <c r="N6" s="16">
        <v>15920953</v>
      </c>
      <c r="O6" s="16">
        <v>0</v>
      </c>
      <c r="P6" s="16">
        <v>1682028520</v>
      </c>
    </row>
    <row r="7" spans="1:16" s="11" customFormat="1" ht="17.25" customHeight="1">
      <c r="A7" s="5" t="s">
        <v>17</v>
      </c>
      <c r="B7" s="17">
        <v>1726465</v>
      </c>
      <c r="C7" s="17">
        <v>58408055</v>
      </c>
      <c r="D7" s="17">
        <v>249892275</v>
      </c>
      <c r="E7" s="17">
        <v>58727348</v>
      </c>
      <c r="F7" s="17">
        <v>531752</v>
      </c>
      <c r="G7" s="17">
        <v>491004</v>
      </c>
      <c r="H7" s="17">
        <v>27174205</v>
      </c>
      <c r="I7" s="17">
        <v>81886691</v>
      </c>
      <c r="J7" s="17">
        <v>17717735</v>
      </c>
      <c r="K7" s="17">
        <v>127131280</v>
      </c>
      <c r="L7" s="17">
        <v>194203</v>
      </c>
      <c r="M7" s="17">
        <v>71944870</v>
      </c>
      <c r="N7" s="17">
        <v>1186469</v>
      </c>
      <c r="O7" s="17">
        <v>0</v>
      </c>
      <c r="P7" s="17">
        <v>697012352</v>
      </c>
    </row>
    <row r="8" spans="1:16" ht="17.25" customHeight="1">
      <c r="A8" s="20" t="s">
        <v>18</v>
      </c>
      <c r="B8" s="21">
        <v>935640</v>
      </c>
      <c r="C8" s="21">
        <v>22459092</v>
      </c>
      <c r="D8" s="21">
        <v>116815729</v>
      </c>
      <c r="E8" s="21">
        <v>20910030</v>
      </c>
      <c r="F8" s="21">
        <v>688320</v>
      </c>
      <c r="G8" s="21">
        <v>851558</v>
      </c>
      <c r="H8" s="21">
        <v>13758226</v>
      </c>
      <c r="I8" s="21">
        <v>25958874</v>
      </c>
      <c r="J8" s="21">
        <v>7883892</v>
      </c>
      <c r="K8" s="21">
        <v>47679662</v>
      </c>
      <c r="L8" s="21">
        <v>149873</v>
      </c>
      <c r="M8" s="21">
        <v>25456914</v>
      </c>
      <c r="N8" s="21">
        <v>0</v>
      </c>
      <c r="O8" s="21">
        <v>0</v>
      </c>
      <c r="P8" s="21">
        <v>283547810</v>
      </c>
    </row>
    <row r="9" spans="1:16" ht="17.25" customHeight="1">
      <c r="A9" s="5" t="s">
        <v>19</v>
      </c>
      <c r="B9" s="17">
        <v>838058</v>
      </c>
      <c r="C9" s="17">
        <v>13432084</v>
      </c>
      <c r="D9" s="17">
        <v>57204953</v>
      </c>
      <c r="E9" s="17">
        <v>15367515</v>
      </c>
      <c r="F9" s="17">
        <v>342958</v>
      </c>
      <c r="G9" s="17">
        <v>592449</v>
      </c>
      <c r="H9" s="17">
        <v>2780177</v>
      </c>
      <c r="I9" s="17">
        <v>13281698</v>
      </c>
      <c r="J9" s="17">
        <v>5932177</v>
      </c>
      <c r="K9" s="17">
        <v>16955979</v>
      </c>
      <c r="L9" s="17">
        <v>348002</v>
      </c>
      <c r="M9" s="17">
        <v>16423005</v>
      </c>
      <c r="N9" s="17">
        <v>0</v>
      </c>
      <c r="O9" s="17">
        <v>0</v>
      </c>
      <c r="P9" s="17">
        <v>143499055</v>
      </c>
    </row>
    <row r="10" spans="1:16" s="11" customFormat="1" ht="17.25" customHeight="1">
      <c r="A10" s="5" t="s">
        <v>20</v>
      </c>
      <c r="B10" s="17">
        <v>446120</v>
      </c>
      <c r="C10" s="17">
        <v>8622549</v>
      </c>
      <c r="D10" s="17">
        <v>36707143</v>
      </c>
      <c r="E10" s="17">
        <v>7419683</v>
      </c>
      <c r="F10" s="17">
        <v>230933</v>
      </c>
      <c r="G10" s="17">
        <v>657121</v>
      </c>
      <c r="H10" s="17">
        <v>2045122</v>
      </c>
      <c r="I10" s="17">
        <v>9506158</v>
      </c>
      <c r="J10" s="17">
        <v>2819831</v>
      </c>
      <c r="K10" s="17">
        <v>8351335</v>
      </c>
      <c r="L10" s="17">
        <v>58935</v>
      </c>
      <c r="M10" s="17">
        <v>5448671</v>
      </c>
      <c r="N10" s="17">
        <v>1900</v>
      </c>
      <c r="O10" s="17">
        <v>0</v>
      </c>
      <c r="P10" s="17">
        <v>82315501</v>
      </c>
    </row>
    <row r="11" spans="1:16" s="11" customFormat="1" ht="17.25" customHeight="1">
      <c r="A11" s="5" t="s">
        <v>21</v>
      </c>
      <c r="B11" s="17">
        <v>414036</v>
      </c>
      <c r="C11" s="17">
        <v>6658321</v>
      </c>
      <c r="D11" s="17">
        <v>23189384</v>
      </c>
      <c r="E11" s="17">
        <v>5326253</v>
      </c>
      <c r="F11" s="17">
        <v>85730</v>
      </c>
      <c r="G11" s="17">
        <v>93834</v>
      </c>
      <c r="H11" s="17">
        <v>948819</v>
      </c>
      <c r="I11" s="17">
        <v>8678385</v>
      </c>
      <c r="J11" s="17">
        <v>2473401</v>
      </c>
      <c r="K11" s="17">
        <v>7525185</v>
      </c>
      <c r="L11" s="17">
        <v>0</v>
      </c>
      <c r="M11" s="17">
        <v>4250809</v>
      </c>
      <c r="N11" s="17">
        <v>0</v>
      </c>
      <c r="O11" s="17">
        <v>0</v>
      </c>
      <c r="P11" s="17">
        <v>59644157</v>
      </c>
    </row>
    <row r="12" spans="1:16" s="11" customFormat="1" ht="17.25" customHeight="1">
      <c r="A12" s="5" t="s">
        <v>22</v>
      </c>
      <c r="B12" s="17">
        <v>643090</v>
      </c>
      <c r="C12" s="17">
        <v>30521597</v>
      </c>
      <c r="D12" s="17">
        <v>59136912</v>
      </c>
      <c r="E12" s="17">
        <v>14610435</v>
      </c>
      <c r="F12" s="17">
        <v>1505373</v>
      </c>
      <c r="G12" s="17">
        <v>661136</v>
      </c>
      <c r="H12" s="17">
        <v>2038602</v>
      </c>
      <c r="I12" s="17">
        <v>17037591</v>
      </c>
      <c r="J12" s="17">
        <v>6113910</v>
      </c>
      <c r="K12" s="17">
        <v>12405405</v>
      </c>
      <c r="L12" s="17">
        <v>4261</v>
      </c>
      <c r="M12" s="17">
        <v>8311622</v>
      </c>
      <c r="N12" s="17">
        <v>0</v>
      </c>
      <c r="O12" s="17">
        <v>0</v>
      </c>
      <c r="P12" s="17">
        <v>152989934</v>
      </c>
    </row>
    <row r="13" spans="1:16" s="11" customFormat="1" ht="17.25" customHeight="1">
      <c r="A13" s="5" t="s">
        <v>23</v>
      </c>
      <c r="B13" s="17">
        <v>446777</v>
      </c>
      <c r="C13" s="17">
        <v>7993702</v>
      </c>
      <c r="D13" s="17">
        <v>27172690</v>
      </c>
      <c r="E13" s="17">
        <v>7631439</v>
      </c>
      <c r="F13" s="17">
        <v>174556</v>
      </c>
      <c r="G13" s="17">
        <v>980909</v>
      </c>
      <c r="H13" s="17">
        <v>1044612</v>
      </c>
      <c r="I13" s="17">
        <v>7217339</v>
      </c>
      <c r="J13" s="17">
        <v>3808689</v>
      </c>
      <c r="K13" s="17">
        <v>6028048</v>
      </c>
      <c r="L13" s="17">
        <v>5645</v>
      </c>
      <c r="M13" s="17">
        <v>5210825</v>
      </c>
      <c r="N13" s="17">
        <v>0</v>
      </c>
      <c r="O13" s="17">
        <v>0</v>
      </c>
      <c r="P13" s="17">
        <v>67715231</v>
      </c>
    </row>
    <row r="14" spans="1:16" s="11" customFormat="1" ht="17.25" customHeight="1">
      <c r="A14" s="5" t="s">
        <v>24</v>
      </c>
      <c r="B14" s="17">
        <v>416271</v>
      </c>
      <c r="C14" s="17">
        <v>8646708</v>
      </c>
      <c r="D14" s="17">
        <v>29607024</v>
      </c>
      <c r="E14" s="17">
        <v>9645028</v>
      </c>
      <c r="F14" s="17">
        <v>263544</v>
      </c>
      <c r="G14" s="17">
        <v>359677</v>
      </c>
      <c r="H14" s="17">
        <v>1941968</v>
      </c>
      <c r="I14" s="17">
        <v>6712911</v>
      </c>
      <c r="J14" s="17">
        <v>2900360</v>
      </c>
      <c r="K14" s="17">
        <v>7374091</v>
      </c>
      <c r="L14" s="17">
        <v>1995</v>
      </c>
      <c r="M14" s="17">
        <v>4413551</v>
      </c>
      <c r="N14" s="17">
        <v>0</v>
      </c>
      <c r="O14" s="17">
        <v>0</v>
      </c>
      <c r="P14" s="17">
        <v>72283128</v>
      </c>
    </row>
    <row r="15" spans="1:16" s="11" customFormat="1" ht="17.25" customHeight="1">
      <c r="A15" s="5" t="s">
        <v>25</v>
      </c>
      <c r="B15" s="17">
        <v>236696</v>
      </c>
      <c r="C15" s="17">
        <v>2887771</v>
      </c>
      <c r="D15" s="17">
        <v>7764010</v>
      </c>
      <c r="E15" s="17">
        <v>1577806</v>
      </c>
      <c r="F15" s="17">
        <v>38231</v>
      </c>
      <c r="G15" s="17">
        <v>103899</v>
      </c>
      <c r="H15" s="17">
        <v>133278</v>
      </c>
      <c r="I15" s="17">
        <v>2272826</v>
      </c>
      <c r="J15" s="17">
        <v>957072</v>
      </c>
      <c r="K15" s="17">
        <v>1542968</v>
      </c>
      <c r="L15" s="17">
        <v>3229</v>
      </c>
      <c r="M15" s="17">
        <v>1942407</v>
      </c>
      <c r="N15" s="17">
        <v>0</v>
      </c>
      <c r="O15" s="17">
        <v>0</v>
      </c>
      <c r="P15" s="17">
        <v>19460193</v>
      </c>
    </row>
    <row r="16" spans="1:16" s="11" customFormat="1" ht="17.25" customHeight="1">
      <c r="A16" s="5" t="s">
        <v>26</v>
      </c>
      <c r="B16" s="17">
        <v>174700</v>
      </c>
      <c r="C16" s="17">
        <v>1691665</v>
      </c>
      <c r="D16" s="17">
        <v>5735826</v>
      </c>
      <c r="E16" s="17">
        <v>3047715</v>
      </c>
      <c r="F16" s="17">
        <v>24749</v>
      </c>
      <c r="G16" s="17">
        <v>346760</v>
      </c>
      <c r="H16" s="17">
        <v>291631</v>
      </c>
      <c r="I16" s="17">
        <v>1042447</v>
      </c>
      <c r="J16" s="17">
        <v>815327</v>
      </c>
      <c r="K16" s="17">
        <v>863572</v>
      </c>
      <c r="L16" s="17">
        <v>56198</v>
      </c>
      <c r="M16" s="17">
        <v>2318533</v>
      </c>
      <c r="N16" s="17">
        <v>0</v>
      </c>
      <c r="O16" s="17">
        <v>0</v>
      </c>
      <c r="P16" s="17">
        <v>16409123</v>
      </c>
    </row>
    <row r="17" spans="1:16" s="11" customFormat="1" ht="17.25" customHeight="1">
      <c r="A17" s="5" t="s">
        <v>27</v>
      </c>
      <c r="B17" s="17">
        <v>339446</v>
      </c>
      <c r="C17" s="17">
        <v>5407271</v>
      </c>
      <c r="D17" s="17">
        <v>21407772</v>
      </c>
      <c r="E17" s="17">
        <v>4126386</v>
      </c>
      <c r="F17" s="17">
        <v>140395</v>
      </c>
      <c r="G17" s="17">
        <v>401548</v>
      </c>
      <c r="H17" s="17">
        <v>741338</v>
      </c>
      <c r="I17" s="17">
        <v>6675760</v>
      </c>
      <c r="J17" s="17">
        <v>2182621</v>
      </c>
      <c r="K17" s="17">
        <v>4593828</v>
      </c>
      <c r="L17" s="17">
        <v>0</v>
      </c>
      <c r="M17" s="17">
        <v>3388882</v>
      </c>
      <c r="N17" s="17">
        <v>0</v>
      </c>
      <c r="O17" s="17">
        <v>0</v>
      </c>
      <c r="P17" s="17">
        <v>49405247</v>
      </c>
    </row>
    <row r="18" spans="1:16" s="11" customFormat="1" ht="17.25" customHeight="1">
      <c r="A18" s="5" t="s">
        <v>28</v>
      </c>
      <c r="B18" s="17">
        <v>444798</v>
      </c>
      <c r="C18" s="17">
        <v>14131866</v>
      </c>
      <c r="D18" s="17">
        <v>31369199</v>
      </c>
      <c r="E18" s="17">
        <v>7298723</v>
      </c>
      <c r="F18" s="17">
        <v>286503</v>
      </c>
      <c r="G18" s="17">
        <v>630907</v>
      </c>
      <c r="H18" s="17">
        <v>3164321</v>
      </c>
      <c r="I18" s="17">
        <v>10484570</v>
      </c>
      <c r="J18" s="17">
        <v>2947925</v>
      </c>
      <c r="K18" s="17">
        <v>8501291</v>
      </c>
      <c r="L18" s="17">
        <v>0</v>
      </c>
      <c r="M18" s="17">
        <v>6059946</v>
      </c>
      <c r="N18" s="17">
        <v>0</v>
      </c>
      <c r="O18" s="17">
        <v>0</v>
      </c>
      <c r="P18" s="17">
        <v>85320049</v>
      </c>
    </row>
    <row r="19" spans="1:16" s="11" customFormat="1" ht="17.25" customHeight="1">
      <c r="A19" s="5" t="s">
        <v>29</v>
      </c>
      <c r="B19" s="17">
        <v>382137</v>
      </c>
      <c r="C19" s="17">
        <v>7037083</v>
      </c>
      <c r="D19" s="17">
        <v>33595729</v>
      </c>
      <c r="E19" s="17">
        <v>6873371</v>
      </c>
      <c r="F19" s="17">
        <v>247303</v>
      </c>
      <c r="G19" s="17">
        <v>111341</v>
      </c>
      <c r="H19" s="17">
        <v>1273243</v>
      </c>
      <c r="I19" s="17">
        <v>6939074</v>
      </c>
      <c r="J19" s="17">
        <v>2566932</v>
      </c>
      <c r="K19" s="17">
        <v>9555547</v>
      </c>
      <c r="L19" s="17">
        <v>1747</v>
      </c>
      <c r="M19" s="17">
        <v>4588680</v>
      </c>
      <c r="N19" s="17">
        <v>0</v>
      </c>
      <c r="O19" s="17">
        <v>0</v>
      </c>
      <c r="P19" s="17">
        <v>73172187</v>
      </c>
    </row>
    <row r="20" spans="1:16" s="11" customFormat="1" ht="17.25" customHeight="1">
      <c r="A20" s="5" t="s">
        <v>30</v>
      </c>
      <c r="B20" s="17">
        <v>293603</v>
      </c>
      <c r="C20" s="17">
        <v>3670342</v>
      </c>
      <c r="D20" s="17">
        <v>13181410</v>
      </c>
      <c r="E20" s="17">
        <v>2557834</v>
      </c>
      <c r="F20" s="17">
        <v>79697</v>
      </c>
      <c r="G20" s="17">
        <v>428870</v>
      </c>
      <c r="H20" s="17">
        <v>589960</v>
      </c>
      <c r="I20" s="17">
        <v>3662493</v>
      </c>
      <c r="J20" s="17">
        <v>1336467</v>
      </c>
      <c r="K20" s="17">
        <v>2663034</v>
      </c>
      <c r="L20" s="17">
        <v>10196</v>
      </c>
      <c r="M20" s="17">
        <v>2815972</v>
      </c>
      <c r="N20" s="17">
        <v>0</v>
      </c>
      <c r="O20" s="17">
        <v>0</v>
      </c>
      <c r="P20" s="17">
        <v>31289878</v>
      </c>
    </row>
    <row r="21" spans="1:16" s="11" customFormat="1" ht="17.25" customHeight="1">
      <c r="A21" s="5" t="s">
        <v>31</v>
      </c>
      <c r="B21" s="17">
        <v>299902</v>
      </c>
      <c r="C21" s="17">
        <v>5774778</v>
      </c>
      <c r="D21" s="17">
        <v>17819729</v>
      </c>
      <c r="E21" s="17">
        <v>2689037</v>
      </c>
      <c r="F21" s="17">
        <v>144711</v>
      </c>
      <c r="G21" s="17">
        <v>288217</v>
      </c>
      <c r="H21" s="17">
        <v>272570</v>
      </c>
      <c r="I21" s="17">
        <v>4343029</v>
      </c>
      <c r="J21" s="17">
        <v>2032362</v>
      </c>
      <c r="K21" s="17">
        <v>3968354</v>
      </c>
      <c r="L21" s="17">
        <v>0</v>
      </c>
      <c r="M21" s="17">
        <v>2436474</v>
      </c>
      <c r="N21" s="17">
        <v>0</v>
      </c>
      <c r="O21" s="17">
        <v>0</v>
      </c>
      <c r="P21" s="17">
        <v>40069163</v>
      </c>
    </row>
    <row r="22" spans="1:16" s="11" customFormat="1" ht="17.25" customHeight="1">
      <c r="A22" s="5" t="s">
        <v>32</v>
      </c>
      <c r="B22" s="17">
        <v>278699</v>
      </c>
      <c r="C22" s="17">
        <v>6782214</v>
      </c>
      <c r="D22" s="17">
        <v>19182181</v>
      </c>
      <c r="E22" s="17">
        <v>2881224</v>
      </c>
      <c r="F22" s="17">
        <v>95164</v>
      </c>
      <c r="G22" s="17">
        <v>83815</v>
      </c>
      <c r="H22" s="17">
        <v>181624</v>
      </c>
      <c r="I22" s="17">
        <v>3334904</v>
      </c>
      <c r="J22" s="17">
        <v>3181049</v>
      </c>
      <c r="K22" s="17">
        <v>3839530</v>
      </c>
      <c r="L22" s="17">
        <v>0</v>
      </c>
      <c r="M22" s="17">
        <v>2595527</v>
      </c>
      <c r="N22" s="17">
        <v>0</v>
      </c>
      <c r="O22" s="17">
        <v>0</v>
      </c>
      <c r="P22" s="17">
        <v>42435931</v>
      </c>
    </row>
    <row r="23" spans="1:16" s="11" customFormat="1" ht="17.25" customHeight="1">
      <c r="A23" s="5" t="s">
        <v>33</v>
      </c>
      <c r="B23" s="17">
        <v>163699</v>
      </c>
      <c r="C23" s="17">
        <v>2620504</v>
      </c>
      <c r="D23" s="17">
        <v>5460256</v>
      </c>
      <c r="E23" s="17">
        <v>1126859</v>
      </c>
      <c r="F23" s="17">
        <v>15981</v>
      </c>
      <c r="G23" s="17">
        <v>369377</v>
      </c>
      <c r="H23" s="17">
        <v>115091</v>
      </c>
      <c r="I23" s="17">
        <v>869906</v>
      </c>
      <c r="J23" s="17">
        <v>705813</v>
      </c>
      <c r="K23" s="17">
        <v>1331739</v>
      </c>
      <c r="L23" s="17">
        <v>0</v>
      </c>
      <c r="M23" s="17">
        <v>1537365</v>
      </c>
      <c r="N23" s="17">
        <v>0</v>
      </c>
      <c r="O23" s="17">
        <v>0</v>
      </c>
      <c r="P23" s="17">
        <v>14316590</v>
      </c>
    </row>
    <row r="24" spans="1:16" ht="17.25" customHeight="1">
      <c r="A24" s="20" t="s">
        <v>34</v>
      </c>
      <c r="B24" s="21">
        <v>269303</v>
      </c>
      <c r="C24" s="21">
        <v>3187590</v>
      </c>
      <c r="D24" s="21">
        <v>11581703</v>
      </c>
      <c r="E24" s="21">
        <v>2222295</v>
      </c>
      <c r="F24" s="21">
        <v>42366</v>
      </c>
      <c r="G24" s="21">
        <v>154747</v>
      </c>
      <c r="H24" s="21">
        <v>236665</v>
      </c>
      <c r="I24" s="21">
        <v>6142711</v>
      </c>
      <c r="J24" s="21">
        <v>1678129</v>
      </c>
      <c r="K24" s="21">
        <v>2833141</v>
      </c>
      <c r="L24" s="21">
        <v>0</v>
      </c>
      <c r="M24" s="21">
        <v>1889887</v>
      </c>
      <c r="N24" s="21">
        <v>0</v>
      </c>
      <c r="O24" s="21">
        <v>0</v>
      </c>
      <c r="P24" s="21">
        <v>30238537</v>
      </c>
    </row>
    <row r="25" spans="1:16" ht="17.25" customHeight="1">
      <c r="A25" s="5" t="s">
        <v>35</v>
      </c>
      <c r="B25" s="17">
        <v>162022</v>
      </c>
      <c r="C25" s="17">
        <v>1469146</v>
      </c>
      <c r="D25" s="17">
        <v>3243171</v>
      </c>
      <c r="E25" s="17">
        <v>1152747</v>
      </c>
      <c r="F25" s="17">
        <v>5905</v>
      </c>
      <c r="G25" s="17">
        <v>45173</v>
      </c>
      <c r="H25" s="17">
        <v>77381</v>
      </c>
      <c r="I25" s="17">
        <v>1598880</v>
      </c>
      <c r="J25" s="17">
        <v>550161</v>
      </c>
      <c r="K25" s="17">
        <v>1022495</v>
      </c>
      <c r="L25" s="17">
        <v>4187</v>
      </c>
      <c r="M25" s="17">
        <v>518402</v>
      </c>
      <c r="N25" s="17">
        <v>0</v>
      </c>
      <c r="O25" s="17">
        <v>0</v>
      </c>
      <c r="P25" s="17">
        <v>9849670</v>
      </c>
    </row>
    <row r="26" spans="1:16" s="11" customFormat="1" ht="17.25" customHeight="1">
      <c r="A26" s="5" t="s">
        <v>36</v>
      </c>
      <c r="B26" s="17">
        <v>203442</v>
      </c>
      <c r="C26" s="17">
        <v>3755889</v>
      </c>
      <c r="D26" s="17">
        <v>5257092</v>
      </c>
      <c r="E26" s="17">
        <v>1597080</v>
      </c>
      <c r="F26" s="17">
        <v>70066</v>
      </c>
      <c r="G26" s="17">
        <v>88886</v>
      </c>
      <c r="H26" s="17">
        <v>157390</v>
      </c>
      <c r="I26" s="17">
        <v>1381977</v>
      </c>
      <c r="J26" s="17">
        <v>634892</v>
      </c>
      <c r="K26" s="17">
        <v>1580251</v>
      </c>
      <c r="L26" s="17">
        <v>0</v>
      </c>
      <c r="M26" s="17">
        <v>1134930</v>
      </c>
      <c r="N26" s="17">
        <v>0</v>
      </c>
      <c r="O26" s="17">
        <v>0</v>
      </c>
      <c r="P26" s="17">
        <v>15861895</v>
      </c>
    </row>
    <row r="27" spans="1:16" s="11" customFormat="1" ht="17.25" customHeight="1">
      <c r="A27" s="5" t="s">
        <v>37</v>
      </c>
      <c r="B27" s="17">
        <v>138752</v>
      </c>
      <c r="C27" s="17">
        <v>1524962</v>
      </c>
      <c r="D27" s="17">
        <v>3427578</v>
      </c>
      <c r="E27" s="17">
        <v>2180688</v>
      </c>
      <c r="F27" s="17">
        <v>21041</v>
      </c>
      <c r="G27" s="17">
        <v>111628</v>
      </c>
      <c r="H27" s="17">
        <v>112920</v>
      </c>
      <c r="I27" s="17">
        <v>1333314</v>
      </c>
      <c r="J27" s="17">
        <v>479762</v>
      </c>
      <c r="K27" s="17">
        <v>847165</v>
      </c>
      <c r="L27" s="17">
        <v>0</v>
      </c>
      <c r="M27" s="17">
        <v>660288</v>
      </c>
      <c r="N27" s="17">
        <v>0</v>
      </c>
      <c r="O27" s="17">
        <v>0</v>
      </c>
      <c r="P27" s="17">
        <v>10838098</v>
      </c>
    </row>
    <row r="28" spans="1:16" s="11" customFormat="1" ht="17.25" customHeight="1">
      <c r="A28" s="5" t="s">
        <v>38</v>
      </c>
      <c r="B28" s="17">
        <v>124546</v>
      </c>
      <c r="C28" s="17">
        <v>1358043</v>
      </c>
      <c r="D28" s="17">
        <v>2705653</v>
      </c>
      <c r="E28" s="17">
        <v>938561</v>
      </c>
      <c r="F28" s="17">
        <v>21390</v>
      </c>
      <c r="G28" s="17">
        <v>73757</v>
      </c>
      <c r="H28" s="17">
        <v>50566</v>
      </c>
      <c r="I28" s="17">
        <v>1015245</v>
      </c>
      <c r="J28" s="17">
        <v>447286</v>
      </c>
      <c r="K28" s="17">
        <v>688044</v>
      </c>
      <c r="L28" s="17">
        <v>0</v>
      </c>
      <c r="M28" s="17">
        <v>674161</v>
      </c>
      <c r="N28" s="17">
        <v>0</v>
      </c>
      <c r="O28" s="17">
        <v>0</v>
      </c>
      <c r="P28" s="17">
        <v>8097252</v>
      </c>
    </row>
    <row r="29" spans="1:16" s="11" customFormat="1" ht="17.25" customHeight="1">
      <c r="A29" s="5" t="s">
        <v>39</v>
      </c>
      <c r="B29" s="17">
        <v>90714</v>
      </c>
      <c r="C29" s="17">
        <v>730080</v>
      </c>
      <c r="D29" s="17">
        <v>1111356</v>
      </c>
      <c r="E29" s="17">
        <v>251365</v>
      </c>
      <c r="F29" s="17">
        <v>0</v>
      </c>
      <c r="G29" s="17">
        <v>125743</v>
      </c>
      <c r="H29" s="17">
        <v>68897</v>
      </c>
      <c r="I29" s="17">
        <v>628451</v>
      </c>
      <c r="J29" s="17">
        <v>308136</v>
      </c>
      <c r="K29" s="17">
        <v>372619</v>
      </c>
      <c r="L29" s="17">
        <v>0</v>
      </c>
      <c r="M29" s="17">
        <v>61888</v>
      </c>
      <c r="N29" s="17">
        <v>0</v>
      </c>
      <c r="O29" s="17">
        <v>0</v>
      </c>
      <c r="P29" s="17">
        <v>3749249</v>
      </c>
    </row>
    <row r="30" spans="1:16" s="11" customFormat="1" ht="17.25" customHeight="1">
      <c r="A30" s="5" t="s">
        <v>40</v>
      </c>
      <c r="B30" s="17">
        <v>103025</v>
      </c>
      <c r="C30" s="17">
        <v>767700</v>
      </c>
      <c r="D30" s="17">
        <v>1611716</v>
      </c>
      <c r="E30" s="17">
        <v>459125</v>
      </c>
      <c r="F30" s="17">
        <v>10532</v>
      </c>
      <c r="G30" s="17">
        <v>113035</v>
      </c>
      <c r="H30" s="17">
        <v>16061</v>
      </c>
      <c r="I30" s="17">
        <v>940922</v>
      </c>
      <c r="J30" s="17">
        <v>304664</v>
      </c>
      <c r="K30" s="17">
        <v>789671</v>
      </c>
      <c r="L30" s="17">
        <v>0</v>
      </c>
      <c r="M30" s="17">
        <v>215630</v>
      </c>
      <c r="N30" s="17">
        <v>0</v>
      </c>
      <c r="O30" s="17">
        <v>0</v>
      </c>
      <c r="P30" s="17">
        <v>5332081</v>
      </c>
    </row>
    <row r="31" spans="1:16" s="11" customFormat="1" ht="17.25" customHeight="1">
      <c r="A31" s="5" t="s">
        <v>41</v>
      </c>
      <c r="B31" s="17">
        <v>86616</v>
      </c>
      <c r="C31" s="17">
        <v>891400</v>
      </c>
      <c r="D31" s="17">
        <v>1302858</v>
      </c>
      <c r="E31" s="17">
        <v>284962</v>
      </c>
      <c r="F31" s="17">
        <v>7483</v>
      </c>
      <c r="G31" s="17">
        <v>113316</v>
      </c>
      <c r="H31" s="17">
        <v>79009</v>
      </c>
      <c r="I31" s="17">
        <v>465790</v>
      </c>
      <c r="J31" s="17">
        <v>235943</v>
      </c>
      <c r="K31" s="17">
        <v>476834</v>
      </c>
      <c r="L31" s="17">
        <v>0</v>
      </c>
      <c r="M31" s="17">
        <v>350427</v>
      </c>
      <c r="N31" s="17">
        <v>0</v>
      </c>
      <c r="O31" s="17">
        <v>0</v>
      </c>
      <c r="P31" s="17">
        <v>4294638</v>
      </c>
    </row>
    <row r="32" spans="1:16" s="11" customFormat="1" ht="17.25" customHeight="1">
      <c r="A32" s="5" t="s">
        <v>42</v>
      </c>
      <c r="B32" s="17">
        <v>99130</v>
      </c>
      <c r="C32" s="17">
        <v>1526086</v>
      </c>
      <c r="D32" s="17">
        <v>1278405</v>
      </c>
      <c r="E32" s="17">
        <v>430408</v>
      </c>
      <c r="F32" s="17">
        <v>0</v>
      </c>
      <c r="G32" s="17">
        <v>154196</v>
      </c>
      <c r="H32" s="17">
        <v>109798</v>
      </c>
      <c r="I32" s="17">
        <v>496922</v>
      </c>
      <c r="J32" s="17">
        <v>246199</v>
      </c>
      <c r="K32" s="17">
        <v>424899</v>
      </c>
      <c r="L32" s="17">
        <v>22680</v>
      </c>
      <c r="M32" s="17">
        <v>389801</v>
      </c>
      <c r="N32" s="17">
        <v>0</v>
      </c>
      <c r="O32" s="17">
        <v>0</v>
      </c>
      <c r="P32" s="17">
        <v>5178524</v>
      </c>
    </row>
    <row r="33" spans="1:16" s="11" customFormat="1" ht="17.25" customHeight="1">
      <c r="A33" s="5" t="s">
        <v>43</v>
      </c>
      <c r="B33" s="17">
        <v>90490</v>
      </c>
      <c r="C33" s="17">
        <v>1260179</v>
      </c>
      <c r="D33" s="17">
        <v>1812238</v>
      </c>
      <c r="E33" s="17">
        <v>444285</v>
      </c>
      <c r="F33" s="17">
        <v>0</v>
      </c>
      <c r="G33" s="17">
        <v>61390</v>
      </c>
      <c r="H33" s="17">
        <v>75268</v>
      </c>
      <c r="I33" s="17">
        <v>363695</v>
      </c>
      <c r="J33" s="17">
        <v>298651</v>
      </c>
      <c r="K33" s="17">
        <v>772485</v>
      </c>
      <c r="L33" s="17">
        <v>0</v>
      </c>
      <c r="M33" s="17">
        <v>434606</v>
      </c>
      <c r="N33" s="17">
        <v>0</v>
      </c>
      <c r="O33" s="17">
        <v>0</v>
      </c>
      <c r="P33" s="17">
        <v>5613287</v>
      </c>
    </row>
    <row r="34" spans="1:16" s="11" customFormat="1" ht="17.25" customHeight="1">
      <c r="A34" s="5" t="s">
        <v>44</v>
      </c>
      <c r="B34" s="17">
        <v>120401</v>
      </c>
      <c r="C34" s="17">
        <v>2252358</v>
      </c>
      <c r="D34" s="17">
        <v>1981164</v>
      </c>
      <c r="E34" s="17">
        <v>1290884</v>
      </c>
      <c r="F34" s="17">
        <v>2342</v>
      </c>
      <c r="G34" s="17">
        <v>112331</v>
      </c>
      <c r="H34" s="17">
        <v>442274</v>
      </c>
      <c r="I34" s="17">
        <v>833454</v>
      </c>
      <c r="J34" s="17">
        <v>998696</v>
      </c>
      <c r="K34" s="17">
        <v>987327</v>
      </c>
      <c r="L34" s="17">
        <v>0</v>
      </c>
      <c r="M34" s="17">
        <v>885608</v>
      </c>
      <c r="N34" s="17">
        <v>0</v>
      </c>
      <c r="O34" s="17">
        <v>0</v>
      </c>
      <c r="P34" s="17">
        <v>9906839</v>
      </c>
    </row>
    <row r="35" spans="1:16" s="11" customFormat="1" ht="17.25" customHeight="1">
      <c r="A35" s="5" t="s">
        <v>45</v>
      </c>
      <c r="B35" s="17">
        <v>75265</v>
      </c>
      <c r="C35" s="17">
        <v>531735</v>
      </c>
      <c r="D35" s="17">
        <v>898485</v>
      </c>
      <c r="E35" s="17">
        <v>634493</v>
      </c>
      <c r="F35" s="17">
        <v>0</v>
      </c>
      <c r="G35" s="17">
        <v>43951</v>
      </c>
      <c r="H35" s="17">
        <v>76344</v>
      </c>
      <c r="I35" s="17">
        <v>233552</v>
      </c>
      <c r="J35" s="17">
        <v>206635</v>
      </c>
      <c r="K35" s="17">
        <v>308971</v>
      </c>
      <c r="L35" s="17">
        <v>0</v>
      </c>
      <c r="M35" s="17">
        <v>269910</v>
      </c>
      <c r="N35" s="17">
        <v>0</v>
      </c>
      <c r="O35" s="17">
        <v>0</v>
      </c>
      <c r="P35" s="17">
        <v>3279341</v>
      </c>
    </row>
    <row r="36" spans="1:16" s="11" customFormat="1" ht="17.25" customHeight="1">
      <c r="A36" s="5" t="s">
        <v>46</v>
      </c>
      <c r="B36" s="17">
        <v>133730</v>
      </c>
      <c r="C36" s="17">
        <v>2212806</v>
      </c>
      <c r="D36" s="17">
        <v>2722200</v>
      </c>
      <c r="E36" s="17">
        <v>1062009</v>
      </c>
      <c r="F36" s="17">
        <v>717</v>
      </c>
      <c r="G36" s="17">
        <v>136033</v>
      </c>
      <c r="H36" s="17">
        <v>376739</v>
      </c>
      <c r="I36" s="17">
        <v>1187406</v>
      </c>
      <c r="J36" s="17">
        <v>813940</v>
      </c>
      <c r="K36" s="17">
        <v>916157</v>
      </c>
      <c r="L36" s="17">
        <v>0</v>
      </c>
      <c r="M36" s="17">
        <v>661357</v>
      </c>
      <c r="N36" s="17">
        <v>0</v>
      </c>
      <c r="O36" s="17">
        <v>0</v>
      </c>
      <c r="P36" s="17">
        <v>10223094</v>
      </c>
    </row>
    <row r="37" spans="1:16" s="11" customFormat="1" ht="17.25" customHeight="1">
      <c r="A37" s="5" t="s">
        <v>47</v>
      </c>
      <c r="B37" s="17">
        <v>164948</v>
      </c>
      <c r="C37" s="17">
        <v>1735090</v>
      </c>
      <c r="D37" s="17">
        <v>4535833</v>
      </c>
      <c r="E37" s="17">
        <v>1223344</v>
      </c>
      <c r="F37" s="17">
        <v>144095</v>
      </c>
      <c r="G37" s="17">
        <v>173545</v>
      </c>
      <c r="H37" s="17">
        <v>123825</v>
      </c>
      <c r="I37" s="17">
        <v>1281764</v>
      </c>
      <c r="J37" s="17">
        <v>684222</v>
      </c>
      <c r="K37" s="17">
        <v>1298783</v>
      </c>
      <c r="L37" s="17">
        <v>14174</v>
      </c>
      <c r="M37" s="17">
        <v>645070</v>
      </c>
      <c r="N37" s="17">
        <v>0</v>
      </c>
      <c r="O37" s="17">
        <v>0</v>
      </c>
      <c r="P37" s="17">
        <v>12024693</v>
      </c>
    </row>
    <row r="38" spans="1:16" ht="17.25" customHeight="1">
      <c r="A38" s="6" t="s">
        <v>48</v>
      </c>
      <c r="B38" s="18">
        <v>77847</v>
      </c>
      <c r="C38" s="18">
        <v>794781</v>
      </c>
      <c r="D38" s="18">
        <v>418177</v>
      </c>
      <c r="E38" s="18">
        <v>348492</v>
      </c>
      <c r="F38" s="18">
        <v>0</v>
      </c>
      <c r="G38" s="18">
        <v>159172</v>
      </c>
      <c r="H38" s="18">
        <v>101537</v>
      </c>
      <c r="I38" s="18">
        <v>491763</v>
      </c>
      <c r="J38" s="18">
        <v>165127</v>
      </c>
      <c r="K38" s="18">
        <v>290241</v>
      </c>
      <c r="L38" s="18">
        <v>0</v>
      </c>
      <c r="M38" s="18">
        <v>16490</v>
      </c>
      <c r="N38" s="18">
        <v>0</v>
      </c>
      <c r="O38" s="18">
        <v>0</v>
      </c>
      <c r="P38" s="18">
        <v>2863627</v>
      </c>
    </row>
    <row r="39" spans="1:16" ht="17.25" customHeight="1">
      <c r="A39" s="7" t="s">
        <v>49</v>
      </c>
      <c r="B39" s="19">
        <v>13430140</v>
      </c>
      <c r="C39" s="19">
        <v>339964232</v>
      </c>
      <c r="D39" s="19">
        <v>1434822517</v>
      </c>
      <c r="E39" s="19">
        <v>286561760</v>
      </c>
      <c r="F39" s="19">
        <v>6495992</v>
      </c>
      <c r="G39" s="19">
        <v>10914182</v>
      </c>
      <c r="H39" s="19">
        <v>109840771</v>
      </c>
      <c r="I39" s="19">
        <v>481186614</v>
      </c>
      <c r="J39" s="19">
        <v>115028061</v>
      </c>
      <c r="K39" s="19">
        <v>572158619</v>
      </c>
      <c r="L39" s="19">
        <v>875325</v>
      </c>
      <c r="M39" s="19">
        <v>361877339</v>
      </c>
      <c r="N39" s="19">
        <v>17109322</v>
      </c>
      <c r="O39" s="19">
        <v>0</v>
      </c>
      <c r="P39" s="19">
        <v>3750264874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３）ア　歳出（目的別）［&amp;P/&amp;N］&amp;R&amp;"ＭＳ ゴシック,標準"&amp;10
（単位：千円）</oddHeader>
  </headerFooter>
  <colBreaks count="2" manualBreakCount="2">
    <brk id="8" max="43" man="1"/>
    <brk id="15" max="43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39"/>
  <sheetViews>
    <sheetView zoomScaleNormal="100" zoomScaleSheetLayoutView="85" workbookViewId="0">
      <selection activeCell="A2" sqref="A2"/>
    </sheetView>
  </sheetViews>
  <sheetFormatPr defaultColWidth="9.375" defaultRowHeight="11.25"/>
  <cols>
    <col min="1" max="1" width="14.125" style="8" customWidth="1"/>
    <col min="2" max="16384" width="9.375" style="9"/>
  </cols>
  <sheetData>
    <row r="1" spans="1:39" s="10" customFormat="1" ht="17.25" customHeight="1">
      <c r="A1" s="1"/>
      <c r="B1" s="12"/>
      <c r="C1" s="13"/>
      <c r="D1" s="1"/>
      <c r="E1" s="1"/>
      <c r="F1" s="1"/>
      <c r="G1" s="1"/>
      <c r="H1" s="14" t="s">
        <v>82</v>
      </c>
      <c r="I1" s="14" t="s">
        <v>82</v>
      </c>
      <c r="J1" s="14"/>
      <c r="K1" s="14"/>
      <c r="L1" s="14"/>
      <c r="M1" s="1"/>
      <c r="N1" s="14" t="s">
        <v>50</v>
      </c>
      <c r="O1" s="14"/>
      <c r="P1" s="14" t="s">
        <v>50</v>
      </c>
      <c r="Q1" s="14"/>
      <c r="R1" s="14"/>
      <c r="S1" s="14"/>
      <c r="T1" s="14"/>
      <c r="U1" s="14"/>
      <c r="V1" s="1"/>
      <c r="W1" s="14" t="s">
        <v>50</v>
      </c>
      <c r="X1" s="14"/>
      <c r="Y1" s="14"/>
      <c r="Z1" s="14"/>
      <c r="AA1" s="14"/>
      <c r="AB1" s="14"/>
      <c r="AC1" s="14"/>
      <c r="AD1" s="1"/>
      <c r="AE1" s="14" t="s">
        <v>50</v>
      </c>
      <c r="AF1" s="14"/>
      <c r="AG1" s="1"/>
      <c r="AH1" s="1"/>
      <c r="AI1" s="1"/>
      <c r="AJ1" s="1"/>
      <c r="AK1" s="1"/>
      <c r="AL1" s="1"/>
      <c r="AM1" s="1"/>
    </row>
    <row r="2" spans="1:39" s="10" customFormat="1" ht="17.25" customHeigh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 t="s">
        <v>51</v>
      </c>
      <c r="N2" s="2"/>
      <c r="O2" s="2"/>
      <c r="P2" s="2"/>
      <c r="Q2" s="2"/>
      <c r="R2" s="2" t="s">
        <v>52</v>
      </c>
      <c r="S2" s="2"/>
      <c r="T2" s="15" t="s">
        <v>50</v>
      </c>
      <c r="U2" s="15"/>
      <c r="V2" s="2" t="s">
        <v>53</v>
      </c>
      <c r="W2" s="2"/>
      <c r="X2" s="2"/>
      <c r="Y2" s="2"/>
      <c r="Z2" s="2" t="s">
        <v>52</v>
      </c>
      <c r="AA2" s="2"/>
      <c r="AB2" s="15" t="s">
        <v>50</v>
      </c>
      <c r="AC2" s="15"/>
      <c r="AD2" s="2" t="s">
        <v>54</v>
      </c>
      <c r="AE2" s="2"/>
      <c r="AF2" s="1"/>
      <c r="AG2" s="2"/>
      <c r="AH2" s="2"/>
      <c r="AI2" s="2" t="s">
        <v>55</v>
      </c>
      <c r="AJ2" s="2"/>
      <c r="AK2" s="2"/>
      <c r="AL2" s="2" t="s">
        <v>56</v>
      </c>
      <c r="AM2" s="2"/>
    </row>
    <row r="3" spans="1:39" s="10" customFormat="1" ht="17.25" customHeight="1">
      <c r="A3" s="2"/>
      <c r="B3" s="2" t="s">
        <v>57</v>
      </c>
      <c r="C3" s="2" t="s">
        <v>58</v>
      </c>
      <c r="D3" s="2" t="s">
        <v>59</v>
      </c>
      <c r="E3" s="2" t="s">
        <v>60</v>
      </c>
      <c r="F3" s="2" t="s">
        <v>61</v>
      </c>
      <c r="G3" s="2" t="s">
        <v>62</v>
      </c>
      <c r="H3" s="2" t="s">
        <v>63</v>
      </c>
      <c r="I3" s="2" t="s">
        <v>64</v>
      </c>
      <c r="J3" s="2" t="s">
        <v>83</v>
      </c>
      <c r="K3" s="2" t="s">
        <v>65</v>
      </c>
      <c r="L3" s="2" t="s">
        <v>66</v>
      </c>
      <c r="M3" s="2" t="s">
        <v>67</v>
      </c>
      <c r="N3" s="2" t="s">
        <v>68</v>
      </c>
      <c r="O3" s="2" t="s">
        <v>69</v>
      </c>
      <c r="P3" s="2" t="s">
        <v>70</v>
      </c>
      <c r="Q3" s="2" t="s">
        <v>71</v>
      </c>
      <c r="R3" s="2" t="s">
        <v>72</v>
      </c>
      <c r="S3" s="2" t="s">
        <v>73</v>
      </c>
      <c r="T3" s="2"/>
      <c r="U3" s="2"/>
      <c r="V3" s="2" t="s">
        <v>67</v>
      </c>
      <c r="W3" s="2" t="s">
        <v>68</v>
      </c>
      <c r="X3" s="2" t="s">
        <v>69</v>
      </c>
      <c r="Y3" s="2" t="s">
        <v>71</v>
      </c>
      <c r="Z3" s="2" t="s">
        <v>72</v>
      </c>
      <c r="AA3" s="2" t="s">
        <v>73</v>
      </c>
      <c r="AB3" s="2"/>
      <c r="AC3" s="2"/>
      <c r="AD3" s="2" t="s">
        <v>67</v>
      </c>
      <c r="AE3" s="2" t="s">
        <v>68</v>
      </c>
      <c r="AF3" s="2" t="s">
        <v>69</v>
      </c>
      <c r="AG3" s="2" t="s">
        <v>74</v>
      </c>
      <c r="AH3" s="2" t="s">
        <v>75</v>
      </c>
      <c r="AI3" s="2" t="s">
        <v>84</v>
      </c>
      <c r="AJ3" s="2" t="s">
        <v>76</v>
      </c>
      <c r="AK3" s="2" t="s">
        <v>77</v>
      </c>
      <c r="AL3" s="2" t="s">
        <v>14</v>
      </c>
      <c r="AM3" s="2" t="s">
        <v>78</v>
      </c>
    </row>
    <row r="4" spans="1:39" s="10" customFormat="1" ht="17.25" customHeight="1">
      <c r="A4" s="2"/>
      <c r="B4" s="2"/>
      <c r="C4" s="2" t="s">
        <v>79</v>
      </c>
      <c r="D4" s="2"/>
      <c r="E4" s="2"/>
      <c r="F4" s="2"/>
      <c r="G4" s="2"/>
      <c r="H4" s="2" t="s">
        <v>80</v>
      </c>
      <c r="I4" s="2" t="s">
        <v>80</v>
      </c>
      <c r="J4" s="2" t="s">
        <v>80</v>
      </c>
      <c r="K4" s="2" t="s">
        <v>80</v>
      </c>
      <c r="L4" s="2" t="s">
        <v>80</v>
      </c>
      <c r="M4" s="2"/>
      <c r="N4" s="2"/>
      <c r="O4" s="2"/>
      <c r="P4" s="2" t="s">
        <v>81</v>
      </c>
      <c r="Q4" s="2" t="s">
        <v>81</v>
      </c>
      <c r="R4" s="2" t="s">
        <v>81</v>
      </c>
      <c r="S4" s="2"/>
      <c r="T4" s="2" t="s">
        <v>68</v>
      </c>
      <c r="U4" s="2" t="s">
        <v>69</v>
      </c>
      <c r="V4" s="2"/>
      <c r="W4" s="2"/>
      <c r="X4" s="2"/>
      <c r="Y4" s="2" t="s">
        <v>85</v>
      </c>
      <c r="Z4" s="2" t="s">
        <v>81</v>
      </c>
      <c r="AA4" s="2"/>
      <c r="AB4" s="2" t="s">
        <v>68</v>
      </c>
      <c r="AC4" s="2" t="s">
        <v>69</v>
      </c>
      <c r="AD4" s="2"/>
      <c r="AE4" s="2"/>
      <c r="AF4" s="2"/>
      <c r="AG4" s="2"/>
      <c r="AH4" s="2"/>
      <c r="AI4" s="2"/>
      <c r="AJ4" s="2"/>
      <c r="AK4" s="2"/>
      <c r="AL4" s="2"/>
      <c r="AM4" s="2"/>
    </row>
    <row r="5" spans="1:39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</row>
    <row r="6" spans="1:39" ht="17.25" customHeight="1">
      <c r="A6" s="4" t="s">
        <v>16</v>
      </c>
      <c r="B6" s="16">
        <v>348322856</v>
      </c>
      <c r="C6" s="16">
        <v>24230631</v>
      </c>
      <c r="D6" s="16">
        <v>157657749</v>
      </c>
      <c r="E6" s="16">
        <v>11074975</v>
      </c>
      <c r="F6" s="16">
        <v>444913078</v>
      </c>
      <c r="G6" s="16">
        <v>140900823</v>
      </c>
      <c r="H6" s="16">
        <v>645035</v>
      </c>
      <c r="I6" s="16">
        <v>133804</v>
      </c>
      <c r="J6" s="16">
        <v>0</v>
      </c>
      <c r="K6" s="16">
        <v>164556</v>
      </c>
      <c r="L6" s="16">
        <v>139957428</v>
      </c>
      <c r="M6" s="16">
        <v>202469546</v>
      </c>
      <c r="N6" s="16">
        <v>78203918</v>
      </c>
      <c r="O6" s="16">
        <v>115507904</v>
      </c>
      <c r="P6" s="16">
        <v>8561266</v>
      </c>
      <c r="Q6" s="16">
        <v>196458</v>
      </c>
      <c r="R6" s="16">
        <v>0</v>
      </c>
      <c r="S6" s="16">
        <v>0</v>
      </c>
      <c r="T6" s="16">
        <v>0</v>
      </c>
      <c r="U6" s="16">
        <v>0</v>
      </c>
      <c r="V6" s="16">
        <v>0</v>
      </c>
      <c r="W6" s="16">
        <v>0</v>
      </c>
      <c r="X6" s="16">
        <v>0</v>
      </c>
      <c r="Y6" s="16">
        <v>0</v>
      </c>
      <c r="Z6" s="16">
        <v>0</v>
      </c>
      <c r="AA6" s="16">
        <v>0</v>
      </c>
      <c r="AB6" s="16">
        <v>0</v>
      </c>
      <c r="AC6" s="16">
        <v>0</v>
      </c>
      <c r="AD6" s="16">
        <v>0</v>
      </c>
      <c r="AE6" s="16">
        <v>0</v>
      </c>
      <c r="AF6" s="16">
        <v>0</v>
      </c>
      <c r="AG6" s="16">
        <v>183499865</v>
      </c>
      <c r="AH6" s="16">
        <v>20812287</v>
      </c>
      <c r="AI6" s="16">
        <v>8723002</v>
      </c>
      <c r="AJ6" s="16">
        <v>44265139</v>
      </c>
      <c r="AK6" s="16">
        <v>119389200</v>
      </c>
      <c r="AL6" s="16">
        <v>0</v>
      </c>
      <c r="AM6" s="16">
        <v>1682028520</v>
      </c>
    </row>
    <row r="7" spans="1:39" s="11" customFormat="1" ht="17.25" customHeight="1">
      <c r="A7" s="5" t="s">
        <v>17</v>
      </c>
      <c r="B7" s="17">
        <v>147221252</v>
      </c>
      <c r="C7" s="17">
        <v>10741830</v>
      </c>
      <c r="D7" s="17">
        <v>66714544</v>
      </c>
      <c r="E7" s="17">
        <v>6132866</v>
      </c>
      <c r="F7" s="17">
        <v>181025359</v>
      </c>
      <c r="G7" s="17">
        <v>57356036</v>
      </c>
      <c r="H7" s="17">
        <v>1473937</v>
      </c>
      <c r="I7" s="17">
        <v>262037</v>
      </c>
      <c r="J7" s="17">
        <v>97177</v>
      </c>
      <c r="K7" s="17">
        <v>58659</v>
      </c>
      <c r="L7" s="17">
        <v>55464226</v>
      </c>
      <c r="M7" s="17">
        <v>96676430</v>
      </c>
      <c r="N7" s="17">
        <v>37288319</v>
      </c>
      <c r="O7" s="17">
        <v>55881370</v>
      </c>
      <c r="P7" s="17">
        <v>3114502</v>
      </c>
      <c r="Q7" s="17">
        <v>32022</v>
      </c>
      <c r="R7" s="17">
        <v>156844</v>
      </c>
      <c r="S7" s="17">
        <v>203373</v>
      </c>
      <c r="T7" s="17">
        <v>192049</v>
      </c>
      <c r="U7" s="17">
        <v>11324</v>
      </c>
      <c r="V7" s="17">
        <v>194203</v>
      </c>
      <c r="W7" s="17">
        <v>0</v>
      </c>
      <c r="X7" s="17">
        <v>194203</v>
      </c>
      <c r="Y7" s="17">
        <v>0</v>
      </c>
      <c r="Z7" s="17">
        <v>0</v>
      </c>
      <c r="AA7" s="17">
        <v>0</v>
      </c>
      <c r="AB7" s="17">
        <v>0</v>
      </c>
      <c r="AC7" s="17">
        <v>0</v>
      </c>
      <c r="AD7" s="17">
        <v>0</v>
      </c>
      <c r="AE7" s="17">
        <v>0</v>
      </c>
      <c r="AF7" s="17">
        <v>0</v>
      </c>
      <c r="AG7" s="17">
        <v>71593457</v>
      </c>
      <c r="AH7" s="17">
        <v>2205345</v>
      </c>
      <c r="AI7" s="17">
        <v>7466101</v>
      </c>
      <c r="AJ7" s="17">
        <v>23848792</v>
      </c>
      <c r="AK7" s="17">
        <v>36577967</v>
      </c>
      <c r="AL7" s="17">
        <v>0</v>
      </c>
      <c r="AM7" s="17">
        <v>697012352</v>
      </c>
    </row>
    <row r="8" spans="1:39" ht="17.25" customHeight="1">
      <c r="A8" s="20" t="s">
        <v>18</v>
      </c>
      <c r="B8" s="21">
        <v>69745522</v>
      </c>
      <c r="C8" s="21">
        <v>5965520</v>
      </c>
      <c r="D8" s="21">
        <v>34959458</v>
      </c>
      <c r="E8" s="21">
        <v>3383334</v>
      </c>
      <c r="F8" s="21">
        <v>80044076</v>
      </c>
      <c r="G8" s="21">
        <v>15817281</v>
      </c>
      <c r="H8" s="21">
        <v>751917</v>
      </c>
      <c r="I8" s="21">
        <v>17721</v>
      </c>
      <c r="J8" s="21">
        <v>10630</v>
      </c>
      <c r="K8" s="21">
        <v>31494</v>
      </c>
      <c r="L8" s="21">
        <v>15005519</v>
      </c>
      <c r="M8" s="21">
        <v>19268274</v>
      </c>
      <c r="N8" s="21">
        <v>7526568</v>
      </c>
      <c r="O8" s="21">
        <v>10684685</v>
      </c>
      <c r="P8" s="21">
        <v>287000</v>
      </c>
      <c r="Q8" s="21">
        <v>764385</v>
      </c>
      <c r="R8" s="21">
        <v>5636</v>
      </c>
      <c r="S8" s="21">
        <v>0</v>
      </c>
      <c r="T8" s="21">
        <v>0</v>
      </c>
      <c r="U8" s="21">
        <v>0</v>
      </c>
      <c r="V8" s="21">
        <v>149873</v>
      </c>
      <c r="W8" s="21">
        <v>0</v>
      </c>
      <c r="X8" s="21">
        <v>149873</v>
      </c>
      <c r="Y8" s="21">
        <v>0</v>
      </c>
      <c r="Z8" s="21">
        <v>0</v>
      </c>
      <c r="AA8" s="21">
        <v>0</v>
      </c>
      <c r="AB8" s="21">
        <v>0</v>
      </c>
      <c r="AC8" s="21">
        <v>0</v>
      </c>
      <c r="AD8" s="21">
        <v>0</v>
      </c>
      <c r="AE8" s="21">
        <v>0</v>
      </c>
      <c r="AF8" s="21">
        <v>0</v>
      </c>
      <c r="AG8" s="21">
        <v>25411496</v>
      </c>
      <c r="AH8" s="21">
        <v>1563250</v>
      </c>
      <c r="AI8" s="21">
        <v>5000</v>
      </c>
      <c r="AJ8" s="21">
        <v>11924433</v>
      </c>
      <c r="AK8" s="21">
        <v>21275813</v>
      </c>
      <c r="AL8" s="21">
        <v>0</v>
      </c>
      <c r="AM8" s="21">
        <v>283547810</v>
      </c>
    </row>
    <row r="9" spans="1:39" ht="17.25" customHeight="1">
      <c r="A9" s="5" t="s">
        <v>19</v>
      </c>
      <c r="B9" s="17">
        <v>27945693</v>
      </c>
      <c r="C9" s="17">
        <v>1780855</v>
      </c>
      <c r="D9" s="17">
        <v>21163493</v>
      </c>
      <c r="E9" s="17">
        <v>915725</v>
      </c>
      <c r="F9" s="17">
        <v>35498530</v>
      </c>
      <c r="G9" s="17">
        <v>10544178</v>
      </c>
      <c r="H9" s="17">
        <v>216464</v>
      </c>
      <c r="I9" s="17">
        <v>55583</v>
      </c>
      <c r="J9" s="17">
        <v>5597</v>
      </c>
      <c r="K9" s="17">
        <v>21469</v>
      </c>
      <c r="L9" s="17">
        <v>10245065</v>
      </c>
      <c r="M9" s="17">
        <v>12706527</v>
      </c>
      <c r="N9" s="17">
        <v>5277711</v>
      </c>
      <c r="O9" s="17">
        <v>7018843</v>
      </c>
      <c r="P9" s="17">
        <v>0</v>
      </c>
      <c r="Q9" s="17">
        <v>148690</v>
      </c>
      <c r="R9" s="17">
        <v>0</v>
      </c>
      <c r="S9" s="17">
        <v>261283</v>
      </c>
      <c r="T9" s="17">
        <v>0</v>
      </c>
      <c r="U9" s="17">
        <v>261283</v>
      </c>
      <c r="V9" s="17">
        <v>348002</v>
      </c>
      <c r="W9" s="17">
        <v>13966</v>
      </c>
      <c r="X9" s="17">
        <v>334036</v>
      </c>
      <c r="Y9" s="17">
        <v>0</v>
      </c>
      <c r="Z9" s="17">
        <v>0</v>
      </c>
      <c r="AA9" s="17">
        <v>0</v>
      </c>
      <c r="AB9" s="17">
        <v>0</v>
      </c>
      <c r="AC9" s="17">
        <v>0</v>
      </c>
      <c r="AD9" s="17">
        <v>0</v>
      </c>
      <c r="AE9" s="17">
        <v>0</v>
      </c>
      <c r="AF9" s="17">
        <v>0</v>
      </c>
      <c r="AG9" s="17">
        <v>16423005</v>
      </c>
      <c r="AH9" s="17">
        <v>1086024</v>
      </c>
      <c r="AI9" s="17">
        <v>478428</v>
      </c>
      <c r="AJ9" s="17">
        <v>1944630</v>
      </c>
      <c r="AK9" s="17">
        <v>14444820</v>
      </c>
      <c r="AL9" s="17">
        <v>0</v>
      </c>
      <c r="AM9" s="17">
        <v>143499055</v>
      </c>
    </row>
    <row r="10" spans="1:39" s="11" customFormat="1" ht="17.25" customHeight="1">
      <c r="A10" s="5" t="s">
        <v>20</v>
      </c>
      <c r="B10" s="17">
        <v>14756176</v>
      </c>
      <c r="C10" s="17">
        <v>841599</v>
      </c>
      <c r="D10" s="17">
        <v>10393048</v>
      </c>
      <c r="E10" s="17">
        <v>993410</v>
      </c>
      <c r="F10" s="17">
        <v>23292841</v>
      </c>
      <c r="G10" s="17">
        <v>7211992</v>
      </c>
      <c r="H10" s="17">
        <v>449637</v>
      </c>
      <c r="I10" s="17">
        <v>46399</v>
      </c>
      <c r="J10" s="17">
        <v>123529</v>
      </c>
      <c r="K10" s="17">
        <v>15535</v>
      </c>
      <c r="L10" s="17">
        <v>6576892</v>
      </c>
      <c r="M10" s="17">
        <v>6703695</v>
      </c>
      <c r="N10" s="17">
        <v>1989287</v>
      </c>
      <c r="O10" s="17">
        <v>4613755</v>
      </c>
      <c r="P10" s="17">
        <v>0</v>
      </c>
      <c r="Q10" s="17">
        <v>100653</v>
      </c>
      <c r="R10" s="17">
        <v>0</v>
      </c>
      <c r="S10" s="17">
        <v>0</v>
      </c>
      <c r="T10" s="17">
        <v>0</v>
      </c>
      <c r="U10" s="17">
        <v>0</v>
      </c>
      <c r="V10" s="17">
        <v>58935</v>
      </c>
      <c r="W10" s="17">
        <v>0</v>
      </c>
      <c r="X10" s="17">
        <v>58935</v>
      </c>
      <c r="Y10" s="17">
        <v>0</v>
      </c>
      <c r="Z10" s="17">
        <v>0</v>
      </c>
      <c r="AA10" s="17">
        <v>0</v>
      </c>
      <c r="AB10" s="17">
        <v>0</v>
      </c>
      <c r="AC10" s="17">
        <v>0</v>
      </c>
      <c r="AD10" s="17">
        <v>0</v>
      </c>
      <c r="AE10" s="17">
        <v>0</v>
      </c>
      <c r="AF10" s="17">
        <v>0</v>
      </c>
      <c r="AG10" s="17">
        <v>5448665</v>
      </c>
      <c r="AH10" s="17">
        <v>1115693</v>
      </c>
      <c r="AI10" s="17">
        <v>1055000</v>
      </c>
      <c r="AJ10" s="17">
        <v>3326000</v>
      </c>
      <c r="AK10" s="17">
        <v>7960046</v>
      </c>
      <c r="AL10" s="17">
        <v>0</v>
      </c>
      <c r="AM10" s="17">
        <v>82315501</v>
      </c>
    </row>
    <row r="11" spans="1:39" s="11" customFormat="1" ht="17.25" customHeight="1">
      <c r="A11" s="5" t="s">
        <v>21</v>
      </c>
      <c r="B11" s="17">
        <v>12269267</v>
      </c>
      <c r="C11" s="17">
        <v>707311</v>
      </c>
      <c r="D11" s="17">
        <v>9352186</v>
      </c>
      <c r="E11" s="17">
        <v>374112</v>
      </c>
      <c r="F11" s="17">
        <v>12570679</v>
      </c>
      <c r="G11" s="17">
        <v>2040502</v>
      </c>
      <c r="H11" s="17">
        <v>207567</v>
      </c>
      <c r="I11" s="17">
        <v>14741</v>
      </c>
      <c r="J11" s="17">
        <v>451</v>
      </c>
      <c r="K11" s="17">
        <v>10157</v>
      </c>
      <c r="L11" s="17">
        <v>1807586</v>
      </c>
      <c r="M11" s="17">
        <v>6856531</v>
      </c>
      <c r="N11" s="17">
        <v>1095512</v>
      </c>
      <c r="O11" s="17">
        <v>5713719</v>
      </c>
      <c r="P11" s="17">
        <v>0</v>
      </c>
      <c r="Q11" s="17">
        <v>47300</v>
      </c>
      <c r="R11" s="17">
        <v>0</v>
      </c>
      <c r="S11" s="17">
        <v>0</v>
      </c>
      <c r="T11" s="17">
        <v>0</v>
      </c>
      <c r="U11" s="17">
        <v>0</v>
      </c>
      <c r="V11" s="17">
        <v>0</v>
      </c>
      <c r="W11" s="17">
        <v>0</v>
      </c>
      <c r="X11" s="17">
        <v>0</v>
      </c>
      <c r="Y11" s="17">
        <v>0</v>
      </c>
      <c r="Z11" s="17">
        <v>0</v>
      </c>
      <c r="AA11" s="17">
        <v>0</v>
      </c>
      <c r="AB11" s="17">
        <v>0</v>
      </c>
      <c r="AC11" s="17">
        <v>0</v>
      </c>
      <c r="AD11" s="17">
        <v>0</v>
      </c>
      <c r="AE11" s="17">
        <v>0</v>
      </c>
      <c r="AF11" s="17">
        <v>0</v>
      </c>
      <c r="AG11" s="17">
        <v>4250809</v>
      </c>
      <c r="AH11" s="17">
        <v>1725359</v>
      </c>
      <c r="AI11" s="17">
        <v>0</v>
      </c>
      <c r="AJ11" s="17">
        <v>1562043</v>
      </c>
      <c r="AK11" s="17">
        <v>8642669</v>
      </c>
      <c r="AL11" s="17">
        <v>0</v>
      </c>
      <c r="AM11" s="17">
        <v>59644157</v>
      </c>
    </row>
    <row r="12" spans="1:39" s="11" customFormat="1" ht="17.25" customHeight="1">
      <c r="A12" s="5" t="s">
        <v>22</v>
      </c>
      <c r="B12" s="17">
        <v>25785250</v>
      </c>
      <c r="C12" s="17">
        <v>1451799</v>
      </c>
      <c r="D12" s="17">
        <v>22820710</v>
      </c>
      <c r="E12" s="17">
        <v>1096293</v>
      </c>
      <c r="F12" s="17">
        <v>38615610</v>
      </c>
      <c r="G12" s="17">
        <v>11515001</v>
      </c>
      <c r="H12" s="17">
        <v>50321</v>
      </c>
      <c r="I12" s="17">
        <v>49624</v>
      </c>
      <c r="J12" s="17">
        <v>8771</v>
      </c>
      <c r="K12" s="17">
        <v>19505</v>
      </c>
      <c r="L12" s="17">
        <v>11386780</v>
      </c>
      <c r="M12" s="17">
        <v>27893821</v>
      </c>
      <c r="N12" s="17">
        <v>4539571</v>
      </c>
      <c r="O12" s="17">
        <v>23314618</v>
      </c>
      <c r="P12" s="17">
        <v>0</v>
      </c>
      <c r="Q12" s="17">
        <v>33690</v>
      </c>
      <c r="R12" s="17">
        <v>5942</v>
      </c>
      <c r="S12" s="17">
        <v>0</v>
      </c>
      <c r="T12" s="17">
        <v>0</v>
      </c>
      <c r="U12" s="17">
        <v>0</v>
      </c>
      <c r="V12" s="17">
        <v>4261</v>
      </c>
      <c r="W12" s="17">
        <v>4261</v>
      </c>
      <c r="X12" s="17">
        <v>0</v>
      </c>
      <c r="Y12" s="17">
        <v>0</v>
      </c>
      <c r="Z12" s="17">
        <v>0</v>
      </c>
      <c r="AA12" s="17">
        <v>0</v>
      </c>
      <c r="AB12" s="17">
        <v>0</v>
      </c>
      <c r="AC12" s="17">
        <v>0</v>
      </c>
      <c r="AD12" s="17">
        <v>0</v>
      </c>
      <c r="AE12" s="17">
        <v>0</v>
      </c>
      <c r="AF12" s="17">
        <v>0</v>
      </c>
      <c r="AG12" s="17">
        <v>8310332</v>
      </c>
      <c r="AH12" s="17">
        <v>2989200</v>
      </c>
      <c r="AI12" s="17">
        <v>152533</v>
      </c>
      <c r="AJ12" s="17">
        <v>1330000</v>
      </c>
      <c r="AK12" s="17">
        <v>12476923</v>
      </c>
      <c r="AL12" s="17">
        <v>0</v>
      </c>
      <c r="AM12" s="17">
        <v>152989934</v>
      </c>
    </row>
    <row r="13" spans="1:39" s="11" customFormat="1" ht="17.25" customHeight="1">
      <c r="A13" s="5" t="s">
        <v>23</v>
      </c>
      <c r="B13" s="17">
        <v>12496803</v>
      </c>
      <c r="C13" s="17">
        <v>470660</v>
      </c>
      <c r="D13" s="17">
        <v>9627822</v>
      </c>
      <c r="E13" s="17">
        <v>311814</v>
      </c>
      <c r="F13" s="17">
        <v>18625096</v>
      </c>
      <c r="G13" s="17">
        <v>5993185</v>
      </c>
      <c r="H13" s="17">
        <v>143295</v>
      </c>
      <c r="I13" s="17">
        <v>5650</v>
      </c>
      <c r="J13" s="17">
        <v>16605</v>
      </c>
      <c r="K13" s="17">
        <v>10034</v>
      </c>
      <c r="L13" s="17">
        <v>5817601</v>
      </c>
      <c r="M13" s="17">
        <v>7047940</v>
      </c>
      <c r="N13" s="17">
        <v>3094938</v>
      </c>
      <c r="O13" s="17">
        <v>3797146</v>
      </c>
      <c r="P13" s="17">
        <v>0</v>
      </c>
      <c r="Q13" s="17">
        <v>155856</v>
      </c>
      <c r="R13" s="17">
        <v>0</v>
      </c>
      <c r="S13" s="17">
        <v>0</v>
      </c>
      <c r="T13" s="17">
        <v>0</v>
      </c>
      <c r="U13" s="17">
        <v>0</v>
      </c>
      <c r="V13" s="17">
        <v>5645</v>
      </c>
      <c r="W13" s="17">
        <v>5161</v>
      </c>
      <c r="X13" s="17">
        <v>484</v>
      </c>
      <c r="Y13" s="17">
        <v>0</v>
      </c>
      <c r="Z13" s="17">
        <v>0</v>
      </c>
      <c r="AA13" s="17">
        <v>0</v>
      </c>
      <c r="AB13" s="17">
        <v>0</v>
      </c>
      <c r="AC13" s="17">
        <v>0</v>
      </c>
      <c r="AD13" s="17">
        <v>0</v>
      </c>
      <c r="AE13" s="17">
        <v>0</v>
      </c>
      <c r="AF13" s="17">
        <v>0</v>
      </c>
      <c r="AG13" s="17">
        <v>5205932</v>
      </c>
      <c r="AH13" s="17">
        <v>1727610</v>
      </c>
      <c r="AI13" s="17">
        <v>0</v>
      </c>
      <c r="AJ13" s="17">
        <v>705000</v>
      </c>
      <c r="AK13" s="17">
        <v>5968384</v>
      </c>
      <c r="AL13" s="17">
        <v>0</v>
      </c>
      <c r="AM13" s="17">
        <v>67715231</v>
      </c>
    </row>
    <row r="14" spans="1:39" s="11" customFormat="1" ht="17.25" customHeight="1">
      <c r="A14" s="5" t="s">
        <v>24</v>
      </c>
      <c r="B14" s="17">
        <v>14476848</v>
      </c>
      <c r="C14" s="17">
        <v>1154958</v>
      </c>
      <c r="D14" s="17">
        <v>9687218</v>
      </c>
      <c r="E14" s="17">
        <v>339890</v>
      </c>
      <c r="F14" s="17">
        <v>18832426</v>
      </c>
      <c r="G14" s="17">
        <v>7192747</v>
      </c>
      <c r="H14" s="17">
        <v>272809</v>
      </c>
      <c r="I14" s="17">
        <v>73558</v>
      </c>
      <c r="J14" s="17">
        <v>410812</v>
      </c>
      <c r="K14" s="17">
        <v>11727</v>
      </c>
      <c r="L14" s="17">
        <v>6423841</v>
      </c>
      <c r="M14" s="17">
        <v>8535877</v>
      </c>
      <c r="N14" s="17">
        <v>4686497</v>
      </c>
      <c r="O14" s="17">
        <v>3818796</v>
      </c>
      <c r="P14" s="17">
        <v>0</v>
      </c>
      <c r="Q14" s="17">
        <v>740</v>
      </c>
      <c r="R14" s="17">
        <v>29844</v>
      </c>
      <c r="S14" s="17">
        <v>0</v>
      </c>
      <c r="T14" s="17">
        <v>0</v>
      </c>
      <c r="U14" s="17">
        <v>0</v>
      </c>
      <c r="V14" s="17">
        <v>1995</v>
      </c>
      <c r="W14" s="17">
        <v>0</v>
      </c>
      <c r="X14" s="17">
        <v>1995</v>
      </c>
      <c r="Y14" s="17">
        <v>0</v>
      </c>
      <c r="Z14" s="17">
        <v>0</v>
      </c>
      <c r="AA14" s="17">
        <v>0</v>
      </c>
      <c r="AB14" s="17">
        <v>0</v>
      </c>
      <c r="AC14" s="17">
        <v>0</v>
      </c>
      <c r="AD14" s="17">
        <v>0</v>
      </c>
      <c r="AE14" s="17">
        <v>0</v>
      </c>
      <c r="AF14" s="17">
        <v>0</v>
      </c>
      <c r="AG14" s="17">
        <v>4413546</v>
      </c>
      <c r="AH14" s="17">
        <v>600068</v>
      </c>
      <c r="AI14" s="17">
        <v>248599</v>
      </c>
      <c r="AJ14" s="17">
        <v>1808947</v>
      </c>
      <c r="AK14" s="17">
        <v>6144967</v>
      </c>
      <c r="AL14" s="17">
        <v>0</v>
      </c>
      <c r="AM14" s="17">
        <v>72283128</v>
      </c>
    </row>
    <row r="15" spans="1:39" s="11" customFormat="1" ht="17.25" customHeight="1">
      <c r="A15" s="5" t="s">
        <v>25</v>
      </c>
      <c r="B15" s="17">
        <v>4705249</v>
      </c>
      <c r="C15" s="17">
        <v>187312</v>
      </c>
      <c r="D15" s="17">
        <v>2999560</v>
      </c>
      <c r="E15" s="17">
        <v>136567</v>
      </c>
      <c r="F15" s="17">
        <v>3997701</v>
      </c>
      <c r="G15" s="17">
        <v>732758</v>
      </c>
      <c r="H15" s="17">
        <v>184013</v>
      </c>
      <c r="I15" s="17">
        <v>5965</v>
      </c>
      <c r="J15" s="17">
        <v>17612</v>
      </c>
      <c r="K15" s="17">
        <v>3910</v>
      </c>
      <c r="L15" s="17">
        <v>521258</v>
      </c>
      <c r="M15" s="17">
        <v>1542744</v>
      </c>
      <c r="N15" s="17">
        <v>604523</v>
      </c>
      <c r="O15" s="17">
        <v>887770</v>
      </c>
      <c r="P15" s="17">
        <v>0</v>
      </c>
      <c r="Q15" s="17">
        <v>50451</v>
      </c>
      <c r="R15" s="17">
        <v>0</v>
      </c>
      <c r="S15" s="17">
        <v>0</v>
      </c>
      <c r="T15" s="17">
        <v>0</v>
      </c>
      <c r="U15" s="17">
        <v>0</v>
      </c>
      <c r="V15" s="17">
        <v>3229</v>
      </c>
      <c r="W15" s="17">
        <v>3229</v>
      </c>
      <c r="X15" s="17">
        <v>0</v>
      </c>
      <c r="Y15" s="17">
        <v>0</v>
      </c>
      <c r="Z15" s="17">
        <v>0</v>
      </c>
      <c r="AA15" s="17">
        <v>0</v>
      </c>
      <c r="AB15" s="17">
        <v>0</v>
      </c>
      <c r="AC15" s="17">
        <v>0</v>
      </c>
      <c r="AD15" s="17">
        <v>0</v>
      </c>
      <c r="AE15" s="17">
        <v>0</v>
      </c>
      <c r="AF15" s="17">
        <v>0</v>
      </c>
      <c r="AG15" s="17">
        <v>1937823</v>
      </c>
      <c r="AH15" s="17">
        <v>471791</v>
      </c>
      <c r="AI15" s="17">
        <v>0</v>
      </c>
      <c r="AJ15" s="17">
        <v>37500</v>
      </c>
      <c r="AK15" s="17">
        <v>2895271</v>
      </c>
      <c r="AL15" s="17">
        <v>0</v>
      </c>
      <c r="AM15" s="17">
        <v>19460193</v>
      </c>
    </row>
    <row r="16" spans="1:39" s="11" customFormat="1" ht="17.25" customHeight="1">
      <c r="A16" s="5" t="s">
        <v>26</v>
      </c>
      <c r="B16" s="17">
        <v>2557968</v>
      </c>
      <c r="C16" s="17">
        <v>196871</v>
      </c>
      <c r="D16" s="17">
        <v>1950491</v>
      </c>
      <c r="E16" s="17">
        <v>39028</v>
      </c>
      <c r="F16" s="17">
        <v>3515628</v>
      </c>
      <c r="G16" s="17">
        <v>1561734</v>
      </c>
      <c r="H16" s="17">
        <v>26752</v>
      </c>
      <c r="I16" s="17">
        <v>4987</v>
      </c>
      <c r="J16" s="17">
        <v>653183</v>
      </c>
      <c r="K16" s="17">
        <v>3190</v>
      </c>
      <c r="L16" s="17">
        <v>873622</v>
      </c>
      <c r="M16" s="17">
        <v>1698911</v>
      </c>
      <c r="N16" s="17">
        <v>1041961</v>
      </c>
      <c r="O16" s="17">
        <v>291739</v>
      </c>
      <c r="P16" s="17">
        <v>0</v>
      </c>
      <c r="Q16" s="17">
        <v>103928</v>
      </c>
      <c r="R16" s="17">
        <v>261283</v>
      </c>
      <c r="S16" s="17">
        <v>0</v>
      </c>
      <c r="T16" s="17">
        <v>0</v>
      </c>
      <c r="U16" s="17">
        <v>0</v>
      </c>
      <c r="V16" s="17">
        <v>56198</v>
      </c>
      <c r="W16" s="17">
        <v>11172</v>
      </c>
      <c r="X16" s="17">
        <v>45026</v>
      </c>
      <c r="Y16" s="17">
        <v>0</v>
      </c>
      <c r="Z16" s="17">
        <v>0</v>
      </c>
      <c r="AA16" s="17">
        <v>0</v>
      </c>
      <c r="AB16" s="17">
        <v>0</v>
      </c>
      <c r="AC16" s="17">
        <v>0</v>
      </c>
      <c r="AD16" s="17">
        <v>0</v>
      </c>
      <c r="AE16" s="17">
        <v>0</v>
      </c>
      <c r="AF16" s="17">
        <v>0</v>
      </c>
      <c r="AG16" s="17">
        <v>2318533</v>
      </c>
      <c r="AH16" s="17">
        <v>158573</v>
      </c>
      <c r="AI16" s="17">
        <v>18000</v>
      </c>
      <c r="AJ16" s="17">
        <v>12400</v>
      </c>
      <c r="AK16" s="17">
        <v>2521659</v>
      </c>
      <c r="AL16" s="17">
        <v>0</v>
      </c>
      <c r="AM16" s="17">
        <v>16409123</v>
      </c>
    </row>
    <row r="17" spans="1:39" s="11" customFormat="1" ht="17.25" customHeight="1">
      <c r="A17" s="5" t="s">
        <v>27</v>
      </c>
      <c r="B17" s="17">
        <v>9247752</v>
      </c>
      <c r="C17" s="17">
        <v>855729</v>
      </c>
      <c r="D17" s="17">
        <v>6351458</v>
      </c>
      <c r="E17" s="17">
        <v>339175</v>
      </c>
      <c r="F17" s="17">
        <v>13568221</v>
      </c>
      <c r="G17" s="17">
        <v>4927687</v>
      </c>
      <c r="H17" s="17">
        <v>72031</v>
      </c>
      <c r="I17" s="17">
        <v>15767</v>
      </c>
      <c r="J17" s="17">
        <v>13476</v>
      </c>
      <c r="K17" s="17">
        <v>1129727</v>
      </c>
      <c r="L17" s="17">
        <v>3696686</v>
      </c>
      <c r="M17" s="17">
        <v>6049922</v>
      </c>
      <c r="N17" s="17">
        <v>2366666</v>
      </c>
      <c r="O17" s="17">
        <v>3655706</v>
      </c>
      <c r="P17" s="17">
        <v>0</v>
      </c>
      <c r="Q17" s="17">
        <v>27550</v>
      </c>
      <c r="R17" s="17">
        <v>0</v>
      </c>
      <c r="S17" s="17">
        <v>0</v>
      </c>
      <c r="T17" s="17">
        <v>0</v>
      </c>
      <c r="U17" s="17">
        <v>0</v>
      </c>
      <c r="V17" s="17">
        <v>0</v>
      </c>
      <c r="W17" s="17">
        <v>0</v>
      </c>
      <c r="X17" s="17">
        <v>0</v>
      </c>
      <c r="Y17" s="17">
        <v>0</v>
      </c>
      <c r="Z17" s="17">
        <v>0</v>
      </c>
      <c r="AA17" s="17">
        <v>0</v>
      </c>
      <c r="AB17" s="17">
        <v>0</v>
      </c>
      <c r="AC17" s="17">
        <v>0</v>
      </c>
      <c r="AD17" s="17">
        <v>0</v>
      </c>
      <c r="AE17" s="17">
        <v>0</v>
      </c>
      <c r="AF17" s="17">
        <v>0</v>
      </c>
      <c r="AG17" s="17">
        <v>3388882</v>
      </c>
      <c r="AH17" s="17">
        <v>320889</v>
      </c>
      <c r="AI17" s="17">
        <v>0</v>
      </c>
      <c r="AJ17" s="17">
        <v>272000</v>
      </c>
      <c r="AK17" s="17">
        <v>4939261</v>
      </c>
      <c r="AL17" s="17">
        <v>0</v>
      </c>
      <c r="AM17" s="17">
        <v>49405247</v>
      </c>
    </row>
    <row r="18" spans="1:39" s="11" customFormat="1" ht="17.25" customHeight="1">
      <c r="A18" s="5" t="s">
        <v>28</v>
      </c>
      <c r="B18" s="17">
        <v>14986914</v>
      </c>
      <c r="C18" s="17">
        <v>1194641</v>
      </c>
      <c r="D18" s="17">
        <v>13468233</v>
      </c>
      <c r="E18" s="17">
        <v>1305622</v>
      </c>
      <c r="F18" s="17">
        <v>21132522</v>
      </c>
      <c r="G18" s="17">
        <v>4365594</v>
      </c>
      <c r="H18" s="17">
        <v>190297</v>
      </c>
      <c r="I18" s="17">
        <v>23832</v>
      </c>
      <c r="J18" s="17">
        <v>172145</v>
      </c>
      <c r="K18" s="17">
        <v>95114</v>
      </c>
      <c r="L18" s="17">
        <v>3884206</v>
      </c>
      <c r="M18" s="17">
        <v>8395638</v>
      </c>
      <c r="N18" s="17">
        <v>2702848</v>
      </c>
      <c r="O18" s="17">
        <v>5650442</v>
      </c>
      <c r="P18" s="17">
        <v>0</v>
      </c>
      <c r="Q18" s="17">
        <v>42348</v>
      </c>
      <c r="R18" s="17">
        <v>0</v>
      </c>
      <c r="S18" s="17">
        <v>0</v>
      </c>
      <c r="T18" s="17">
        <v>0</v>
      </c>
      <c r="U18" s="17">
        <v>0</v>
      </c>
      <c r="V18" s="17">
        <v>0</v>
      </c>
      <c r="W18" s="17">
        <v>0</v>
      </c>
      <c r="X18" s="17">
        <v>0</v>
      </c>
      <c r="Y18" s="17">
        <v>0</v>
      </c>
      <c r="Z18" s="17">
        <v>0</v>
      </c>
      <c r="AA18" s="17">
        <v>0</v>
      </c>
      <c r="AB18" s="17">
        <v>0</v>
      </c>
      <c r="AC18" s="17">
        <v>0</v>
      </c>
      <c r="AD18" s="17">
        <v>0</v>
      </c>
      <c r="AE18" s="17">
        <v>0</v>
      </c>
      <c r="AF18" s="17">
        <v>0</v>
      </c>
      <c r="AG18" s="17">
        <v>6059946</v>
      </c>
      <c r="AH18" s="17">
        <v>6318338</v>
      </c>
      <c r="AI18" s="17">
        <v>340787</v>
      </c>
      <c r="AJ18" s="17">
        <v>2318000</v>
      </c>
      <c r="AK18" s="17">
        <v>6628455</v>
      </c>
      <c r="AL18" s="17">
        <v>0</v>
      </c>
      <c r="AM18" s="17">
        <v>85320049</v>
      </c>
    </row>
    <row r="19" spans="1:39" s="11" customFormat="1" ht="17.25" customHeight="1">
      <c r="A19" s="5" t="s">
        <v>29</v>
      </c>
      <c r="B19" s="17">
        <v>11695299</v>
      </c>
      <c r="C19" s="17">
        <v>992621</v>
      </c>
      <c r="D19" s="17">
        <v>12161435</v>
      </c>
      <c r="E19" s="17">
        <v>503006</v>
      </c>
      <c r="F19" s="17">
        <v>22683787</v>
      </c>
      <c r="G19" s="17">
        <v>4641263</v>
      </c>
      <c r="H19" s="17">
        <v>511344</v>
      </c>
      <c r="I19" s="17">
        <v>43227</v>
      </c>
      <c r="J19" s="17">
        <v>21182</v>
      </c>
      <c r="K19" s="17">
        <v>83592</v>
      </c>
      <c r="L19" s="17">
        <v>3981918</v>
      </c>
      <c r="M19" s="17">
        <v>7376263</v>
      </c>
      <c r="N19" s="17">
        <v>3564142</v>
      </c>
      <c r="O19" s="17">
        <v>3782556</v>
      </c>
      <c r="P19" s="17">
        <v>0</v>
      </c>
      <c r="Q19" s="17">
        <v>29565</v>
      </c>
      <c r="R19" s="17">
        <v>0</v>
      </c>
      <c r="S19" s="17">
        <v>0</v>
      </c>
      <c r="T19" s="17">
        <v>0</v>
      </c>
      <c r="U19" s="17">
        <v>0</v>
      </c>
      <c r="V19" s="17">
        <v>1747</v>
      </c>
      <c r="W19" s="17">
        <v>0</v>
      </c>
      <c r="X19" s="17">
        <v>1747</v>
      </c>
      <c r="Y19" s="17">
        <v>0</v>
      </c>
      <c r="Z19" s="17">
        <v>0</v>
      </c>
      <c r="AA19" s="17">
        <v>0</v>
      </c>
      <c r="AB19" s="17">
        <v>0</v>
      </c>
      <c r="AC19" s="17">
        <v>0</v>
      </c>
      <c r="AD19" s="17">
        <v>0</v>
      </c>
      <c r="AE19" s="17">
        <v>0</v>
      </c>
      <c r="AF19" s="17">
        <v>0</v>
      </c>
      <c r="AG19" s="17">
        <v>4588560</v>
      </c>
      <c r="AH19" s="17">
        <v>14724</v>
      </c>
      <c r="AI19" s="17">
        <v>0</v>
      </c>
      <c r="AJ19" s="17">
        <v>1220000</v>
      </c>
      <c r="AK19" s="17">
        <v>8286103</v>
      </c>
      <c r="AL19" s="17">
        <v>0</v>
      </c>
      <c r="AM19" s="17">
        <v>73172187</v>
      </c>
    </row>
    <row r="20" spans="1:39" s="11" customFormat="1" ht="17.25" customHeight="1">
      <c r="A20" s="5" t="s">
        <v>30</v>
      </c>
      <c r="B20" s="17">
        <v>6308601</v>
      </c>
      <c r="C20" s="17">
        <v>560602</v>
      </c>
      <c r="D20" s="17">
        <v>4173824</v>
      </c>
      <c r="E20" s="17">
        <v>216350</v>
      </c>
      <c r="F20" s="17">
        <v>8431499</v>
      </c>
      <c r="G20" s="17">
        <v>1934416</v>
      </c>
      <c r="H20" s="17">
        <v>82533</v>
      </c>
      <c r="I20" s="17">
        <v>21031</v>
      </c>
      <c r="J20" s="17">
        <v>13600</v>
      </c>
      <c r="K20" s="17">
        <v>703259</v>
      </c>
      <c r="L20" s="17">
        <v>1113993</v>
      </c>
      <c r="M20" s="17">
        <v>2847526</v>
      </c>
      <c r="N20" s="17">
        <v>1414154</v>
      </c>
      <c r="O20" s="17">
        <v>1407355</v>
      </c>
      <c r="P20" s="17">
        <v>0</v>
      </c>
      <c r="Q20" s="17">
        <v>20550</v>
      </c>
      <c r="R20" s="17">
        <v>0</v>
      </c>
      <c r="S20" s="17">
        <v>5467</v>
      </c>
      <c r="T20" s="17">
        <v>0</v>
      </c>
      <c r="U20" s="17">
        <v>5467</v>
      </c>
      <c r="V20" s="17">
        <v>10196</v>
      </c>
      <c r="W20" s="17">
        <v>0</v>
      </c>
      <c r="X20" s="17">
        <v>10196</v>
      </c>
      <c r="Y20" s="17">
        <v>0</v>
      </c>
      <c r="Z20" s="17">
        <v>0</v>
      </c>
      <c r="AA20" s="17">
        <v>0</v>
      </c>
      <c r="AB20" s="17">
        <v>0</v>
      </c>
      <c r="AC20" s="17">
        <v>0</v>
      </c>
      <c r="AD20" s="17">
        <v>0</v>
      </c>
      <c r="AE20" s="17">
        <v>0</v>
      </c>
      <c r="AF20" s="17">
        <v>0</v>
      </c>
      <c r="AG20" s="17">
        <v>2815972</v>
      </c>
      <c r="AH20" s="17">
        <v>431361</v>
      </c>
      <c r="AI20" s="17">
        <v>0</v>
      </c>
      <c r="AJ20" s="17">
        <v>364500</v>
      </c>
      <c r="AK20" s="17">
        <v>3755633</v>
      </c>
      <c r="AL20" s="17">
        <v>0</v>
      </c>
      <c r="AM20" s="17">
        <v>31289878</v>
      </c>
    </row>
    <row r="21" spans="1:39" s="11" customFormat="1" ht="17.25" customHeight="1">
      <c r="A21" s="5" t="s">
        <v>31</v>
      </c>
      <c r="B21" s="17">
        <v>6959807</v>
      </c>
      <c r="C21" s="17">
        <v>591843</v>
      </c>
      <c r="D21" s="17">
        <v>7249117</v>
      </c>
      <c r="E21" s="17">
        <v>495070</v>
      </c>
      <c r="F21" s="17">
        <v>10395152</v>
      </c>
      <c r="G21" s="17">
        <v>2994281</v>
      </c>
      <c r="H21" s="17">
        <v>86357</v>
      </c>
      <c r="I21" s="17">
        <v>8155</v>
      </c>
      <c r="J21" s="17">
        <v>20236</v>
      </c>
      <c r="K21" s="17">
        <v>789861</v>
      </c>
      <c r="L21" s="17">
        <v>2089672</v>
      </c>
      <c r="M21" s="17">
        <v>5069777</v>
      </c>
      <c r="N21" s="17">
        <v>2055764</v>
      </c>
      <c r="O21" s="17">
        <v>3014013</v>
      </c>
      <c r="P21" s="17">
        <v>0</v>
      </c>
      <c r="Q21" s="17">
        <v>0</v>
      </c>
      <c r="R21" s="17">
        <v>0</v>
      </c>
      <c r="S21" s="17">
        <v>0</v>
      </c>
      <c r="T21" s="17">
        <v>0</v>
      </c>
      <c r="U21" s="17">
        <v>0</v>
      </c>
      <c r="V21" s="17">
        <v>0</v>
      </c>
      <c r="W21" s="17">
        <v>0</v>
      </c>
      <c r="X21" s="17">
        <v>0</v>
      </c>
      <c r="Y21" s="17">
        <v>0</v>
      </c>
      <c r="Z21" s="17">
        <v>0</v>
      </c>
      <c r="AA21" s="17">
        <v>0</v>
      </c>
      <c r="AB21" s="17">
        <v>0</v>
      </c>
      <c r="AC21" s="17">
        <v>0</v>
      </c>
      <c r="AD21" s="17">
        <v>0</v>
      </c>
      <c r="AE21" s="17">
        <v>0</v>
      </c>
      <c r="AF21" s="17">
        <v>0</v>
      </c>
      <c r="AG21" s="17">
        <v>2436074</v>
      </c>
      <c r="AH21" s="17">
        <v>866219</v>
      </c>
      <c r="AI21" s="17">
        <v>0</v>
      </c>
      <c r="AJ21" s="17">
        <v>155000</v>
      </c>
      <c r="AK21" s="17">
        <v>3448666</v>
      </c>
      <c r="AL21" s="17">
        <v>0</v>
      </c>
      <c r="AM21" s="17">
        <v>40069163</v>
      </c>
    </row>
    <row r="22" spans="1:39" s="11" customFormat="1" ht="17.25" customHeight="1">
      <c r="A22" s="5" t="s">
        <v>32</v>
      </c>
      <c r="B22" s="17">
        <v>7092879</v>
      </c>
      <c r="C22" s="17">
        <v>576430</v>
      </c>
      <c r="D22" s="17">
        <v>5587675</v>
      </c>
      <c r="E22" s="17">
        <v>733732</v>
      </c>
      <c r="F22" s="17">
        <v>12119820</v>
      </c>
      <c r="G22" s="17">
        <v>2738695</v>
      </c>
      <c r="H22" s="17">
        <v>363646</v>
      </c>
      <c r="I22" s="17">
        <v>13018</v>
      </c>
      <c r="J22" s="17">
        <v>47283</v>
      </c>
      <c r="K22" s="17">
        <v>832677</v>
      </c>
      <c r="L22" s="17">
        <v>1482071</v>
      </c>
      <c r="M22" s="17">
        <v>4296374</v>
      </c>
      <c r="N22" s="17">
        <v>2264502</v>
      </c>
      <c r="O22" s="17">
        <v>2027202</v>
      </c>
      <c r="P22" s="17">
        <v>0</v>
      </c>
      <c r="Q22" s="17">
        <v>4670</v>
      </c>
      <c r="R22" s="17">
        <v>0</v>
      </c>
      <c r="S22" s="17">
        <v>0</v>
      </c>
      <c r="T22" s="17">
        <v>0</v>
      </c>
      <c r="U22" s="17">
        <v>0</v>
      </c>
      <c r="V22" s="17">
        <v>0</v>
      </c>
      <c r="W22" s="17">
        <v>0</v>
      </c>
      <c r="X22" s="17">
        <v>0</v>
      </c>
      <c r="Y22" s="17">
        <v>0</v>
      </c>
      <c r="Z22" s="17">
        <v>0</v>
      </c>
      <c r="AA22" s="17">
        <v>0</v>
      </c>
      <c r="AB22" s="17">
        <v>0</v>
      </c>
      <c r="AC22" s="17">
        <v>0</v>
      </c>
      <c r="AD22" s="17">
        <v>0</v>
      </c>
      <c r="AE22" s="17">
        <v>0</v>
      </c>
      <c r="AF22" s="17">
        <v>0</v>
      </c>
      <c r="AG22" s="17">
        <v>2595527</v>
      </c>
      <c r="AH22" s="17">
        <v>2826923</v>
      </c>
      <c r="AI22" s="17">
        <v>0</v>
      </c>
      <c r="AJ22" s="17">
        <v>67088</v>
      </c>
      <c r="AK22" s="17">
        <v>4377218</v>
      </c>
      <c r="AL22" s="17">
        <v>0</v>
      </c>
      <c r="AM22" s="17">
        <v>42435931</v>
      </c>
    </row>
    <row r="23" spans="1:39" s="11" customFormat="1" ht="17.25" customHeight="1">
      <c r="A23" s="5" t="s">
        <v>33</v>
      </c>
      <c r="B23" s="17">
        <v>2680358</v>
      </c>
      <c r="C23" s="17">
        <v>266709</v>
      </c>
      <c r="D23" s="17">
        <v>2370745</v>
      </c>
      <c r="E23" s="17">
        <v>143259</v>
      </c>
      <c r="F23" s="17">
        <v>3338057</v>
      </c>
      <c r="G23" s="17">
        <v>1594429</v>
      </c>
      <c r="H23" s="17">
        <v>33417</v>
      </c>
      <c r="I23" s="17">
        <v>3348</v>
      </c>
      <c r="J23" s="17">
        <v>662397</v>
      </c>
      <c r="K23" s="17">
        <v>52681</v>
      </c>
      <c r="L23" s="17">
        <v>842586</v>
      </c>
      <c r="M23" s="17">
        <v>773040</v>
      </c>
      <c r="N23" s="17">
        <v>237725</v>
      </c>
      <c r="O23" s="17">
        <v>520315</v>
      </c>
      <c r="P23" s="17">
        <v>0</v>
      </c>
      <c r="Q23" s="17">
        <v>15000</v>
      </c>
      <c r="R23" s="17">
        <v>0</v>
      </c>
      <c r="S23" s="17">
        <v>0</v>
      </c>
      <c r="T23" s="17">
        <v>0</v>
      </c>
      <c r="U23" s="17">
        <v>0</v>
      </c>
      <c r="V23" s="17">
        <v>0</v>
      </c>
      <c r="W23" s="17">
        <v>0</v>
      </c>
      <c r="X23" s="17">
        <v>0</v>
      </c>
      <c r="Y23" s="17">
        <v>0</v>
      </c>
      <c r="Z23" s="17">
        <v>0</v>
      </c>
      <c r="AA23" s="17">
        <v>0</v>
      </c>
      <c r="AB23" s="17">
        <v>0</v>
      </c>
      <c r="AC23" s="17">
        <v>0</v>
      </c>
      <c r="AD23" s="17">
        <v>0</v>
      </c>
      <c r="AE23" s="17">
        <v>0</v>
      </c>
      <c r="AF23" s="17">
        <v>0</v>
      </c>
      <c r="AG23" s="17">
        <v>1537365</v>
      </c>
      <c r="AH23" s="17">
        <v>586549</v>
      </c>
      <c r="AI23" s="17">
        <v>0</v>
      </c>
      <c r="AJ23" s="17">
        <v>45900</v>
      </c>
      <c r="AK23" s="17">
        <v>1246888</v>
      </c>
      <c r="AL23" s="17">
        <v>0</v>
      </c>
      <c r="AM23" s="17">
        <v>14316590</v>
      </c>
    </row>
    <row r="24" spans="1:39" ht="17.25" customHeight="1">
      <c r="A24" s="20" t="s">
        <v>34</v>
      </c>
      <c r="B24" s="21">
        <v>5293461</v>
      </c>
      <c r="C24" s="21">
        <v>285498</v>
      </c>
      <c r="D24" s="21">
        <v>3808317</v>
      </c>
      <c r="E24" s="21">
        <v>336965</v>
      </c>
      <c r="F24" s="21">
        <v>6849568</v>
      </c>
      <c r="G24" s="21">
        <v>1836193</v>
      </c>
      <c r="H24" s="21">
        <v>147294</v>
      </c>
      <c r="I24" s="21">
        <v>16662</v>
      </c>
      <c r="J24" s="21">
        <v>33936</v>
      </c>
      <c r="K24" s="21">
        <v>652334</v>
      </c>
      <c r="L24" s="21">
        <v>985967</v>
      </c>
      <c r="M24" s="21">
        <v>5934715</v>
      </c>
      <c r="N24" s="21">
        <v>3404684</v>
      </c>
      <c r="O24" s="21">
        <v>2502878</v>
      </c>
      <c r="P24" s="21">
        <v>0</v>
      </c>
      <c r="Q24" s="21">
        <v>5000</v>
      </c>
      <c r="R24" s="21">
        <v>0</v>
      </c>
      <c r="S24" s="21">
        <v>22153</v>
      </c>
      <c r="T24" s="21">
        <v>0</v>
      </c>
      <c r="U24" s="21">
        <v>22153</v>
      </c>
      <c r="V24" s="21">
        <v>0</v>
      </c>
      <c r="W24" s="21">
        <v>0</v>
      </c>
      <c r="X24" s="21">
        <v>0</v>
      </c>
      <c r="Y24" s="21">
        <v>0</v>
      </c>
      <c r="Z24" s="21">
        <v>0</v>
      </c>
      <c r="AA24" s="21">
        <v>0</v>
      </c>
      <c r="AB24" s="21">
        <v>0</v>
      </c>
      <c r="AC24" s="21">
        <v>0</v>
      </c>
      <c r="AD24" s="21">
        <v>0</v>
      </c>
      <c r="AE24" s="21">
        <v>0</v>
      </c>
      <c r="AF24" s="21">
        <v>0</v>
      </c>
      <c r="AG24" s="21">
        <v>1889887</v>
      </c>
      <c r="AH24" s="21">
        <v>655071</v>
      </c>
      <c r="AI24" s="21">
        <v>0</v>
      </c>
      <c r="AJ24" s="21">
        <v>60360</v>
      </c>
      <c r="AK24" s="21">
        <v>3574000</v>
      </c>
      <c r="AL24" s="21">
        <v>0</v>
      </c>
      <c r="AM24" s="21">
        <v>30238537</v>
      </c>
    </row>
    <row r="25" spans="1:39" ht="17.25" customHeight="1">
      <c r="A25" s="5" t="s">
        <v>35</v>
      </c>
      <c r="B25" s="17">
        <v>2721342</v>
      </c>
      <c r="C25" s="17">
        <v>208330</v>
      </c>
      <c r="D25" s="17">
        <v>1401595</v>
      </c>
      <c r="E25" s="17">
        <v>104740</v>
      </c>
      <c r="F25" s="17">
        <v>1548475</v>
      </c>
      <c r="G25" s="17">
        <v>608122</v>
      </c>
      <c r="H25" s="17">
        <v>8261</v>
      </c>
      <c r="I25" s="17">
        <v>4244</v>
      </c>
      <c r="J25" s="17">
        <v>53127</v>
      </c>
      <c r="K25" s="17">
        <v>43546</v>
      </c>
      <c r="L25" s="17">
        <v>498944</v>
      </c>
      <c r="M25" s="17">
        <v>524147</v>
      </c>
      <c r="N25" s="17">
        <v>252629</v>
      </c>
      <c r="O25" s="17">
        <v>263791</v>
      </c>
      <c r="P25" s="17">
        <v>0</v>
      </c>
      <c r="Q25" s="17">
        <v>7727</v>
      </c>
      <c r="R25" s="17">
        <v>0</v>
      </c>
      <c r="S25" s="17">
        <v>0</v>
      </c>
      <c r="T25" s="17">
        <v>0</v>
      </c>
      <c r="U25" s="17">
        <v>0</v>
      </c>
      <c r="V25" s="17">
        <v>4187</v>
      </c>
      <c r="W25" s="17">
        <v>0</v>
      </c>
      <c r="X25" s="17">
        <v>4187</v>
      </c>
      <c r="Y25" s="17">
        <v>0</v>
      </c>
      <c r="Z25" s="17">
        <v>0</v>
      </c>
      <c r="AA25" s="17">
        <v>0</v>
      </c>
      <c r="AB25" s="17">
        <v>0</v>
      </c>
      <c r="AC25" s="17">
        <v>0</v>
      </c>
      <c r="AD25" s="17">
        <v>0</v>
      </c>
      <c r="AE25" s="17">
        <v>0</v>
      </c>
      <c r="AF25" s="17">
        <v>0</v>
      </c>
      <c r="AG25" s="17">
        <v>518402</v>
      </c>
      <c r="AH25" s="17">
        <v>610208</v>
      </c>
      <c r="AI25" s="17">
        <v>0</v>
      </c>
      <c r="AJ25" s="17">
        <v>5300</v>
      </c>
      <c r="AK25" s="17">
        <v>1803152</v>
      </c>
      <c r="AL25" s="17">
        <v>0</v>
      </c>
      <c r="AM25" s="17">
        <v>9849670</v>
      </c>
    </row>
    <row r="26" spans="1:39" s="11" customFormat="1" ht="17.25" customHeight="1">
      <c r="A26" s="5" t="s">
        <v>36</v>
      </c>
      <c r="B26" s="17">
        <v>3083713</v>
      </c>
      <c r="C26" s="17">
        <v>248877</v>
      </c>
      <c r="D26" s="17">
        <v>3534823</v>
      </c>
      <c r="E26" s="17">
        <v>94587</v>
      </c>
      <c r="F26" s="17">
        <v>3051649</v>
      </c>
      <c r="G26" s="17">
        <v>1233975</v>
      </c>
      <c r="H26" s="17">
        <v>37418</v>
      </c>
      <c r="I26" s="17">
        <v>1519</v>
      </c>
      <c r="J26" s="17">
        <v>359164</v>
      </c>
      <c r="K26" s="17">
        <v>18945</v>
      </c>
      <c r="L26" s="17">
        <v>816929</v>
      </c>
      <c r="M26" s="17">
        <v>1298161</v>
      </c>
      <c r="N26" s="17">
        <v>613172</v>
      </c>
      <c r="O26" s="17">
        <v>491510</v>
      </c>
      <c r="P26" s="17">
        <v>0</v>
      </c>
      <c r="Q26" s="17">
        <v>3671</v>
      </c>
      <c r="R26" s="17">
        <v>189808</v>
      </c>
      <c r="S26" s="17">
        <v>0</v>
      </c>
      <c r="T26" s="17">
        <v>0</v>
      </c>
      <c r="U26" s="17">
        <v>0</v>
      </c>
      <c r="V26" s="17">
        <v>0</v>
      </c>
      <c r="W26" s="17">
        <v>0</v>
      </c>
      <c r="X26" s="17">
        <v>0</v>
      </c>
      <c r="Y26" s="17">
        <v>0</v>
      </c>
      <c r="Z26" s="17">
        <v>0</v>
      </c>
      <c r="AA26" s="17">
        <v>0</v>
      </c>
      <c r="AB26" s="17">
        <v>0</v>
      </c>
      <c r="AC26" s="17">
        <v>0</v>
      </c>
      <c r="AD26" s="17">
        <v>0</v>
      </c>
      <c r="AE26" s="17">
        <v>0</v>
      </c>
      <c r="AF26" s="17">
        <v>0</v>
      </c>
      <c r="AG26" s="17">
        <v>1134930</v>
      </c>
      <c r="AH26" s="17">
        <v>1025595</v>
      </c>
      <c r="AI26" s="17">
        <v>0</v>
      </c>
      <c r="AJ26" s="17">
        <v>88000</v>
      </c>
      <c r="AK26" s="17">
        <v>1316462</v>
      </c>
      <c r="AL26" s="17">
        <v>0</v>
      </c>
      <c r="AM26" s="17">
        <v>15861895</v>
      </c>
    </row>
    <row r="27" spans="1:39" s="11" customFormat="1" ht="17.25" customHeight="1">
      <c r="A27" s="5" t="s">
        <v>37</v>
      </c>
      <c r="B27" s="17">
        <v>2081591</v>
      </c>
      <c r="C27" s="17">
        <v>165793</v>
      </c>
      <c r="D27" s="17">
        <v>1364469</v>
      </c>
      <c r="E27" s="17">
        <v>97213</v>
      </c>
      <c r="F27" s="17">
        <v>1608319</v>
      </c>
      <c r="G27" s="17">
        <v>501895</v>
      </c>
      <c r="H27" s="17">
        <v>43426</v>
      </c>
      <c r="I27" s="17">
        <v>19091</v>
      </c>
      <c r="J27" s="17">
        <v>100063</v>
      </c>
      <c r="K27" s="17">
        <v>46101</v>
      </c>
      <c r="L27" s="17">
        <v>293214</v>
      </c>
      <c r="M27" s="17">
        <v>2086565</v>
      </c>
      <c r="N27" s="17">
        <v>1852906</v>
      </c>
      <c r="O27" s="17">
        <v>233368</v>
      </c>
      <c r="P27" s="17">
        <v>0</v>
      </c>
      <c r="Q27" s="17">
        <v>0</v>
      </c>
      <c r="R27" s="17">
        <v>291</v>
      </c>
      <c r="S27" s="17">
        <v>0</v>
      </c>
      <c r="T27" s="17">
        <v>0</v>
      </c>
      <c r="U27" s="17">
        <v>0</v>
      </c>
      <c r="V27" s="17">
        <v>0</v>
      </c>
      <c r="W27" s="17">
        <v>0</v>
      </c>
      <c r="X27" s="17">
        <v>0</v>
      </c>
      <c r="Y27" s="17">
        <v>0</v>
      </c>
      <c r="Z27" s="17">
        <v>0</v>
      </c>
      <c r="AA27" s="17">
        <v>0</v>
      </c>
      <c r="AB27" s="17">
        <v>0</v>
      </c>
      <c r="AC27" s="17">
        <v>0</v>
      </c>
      <c r="AD27" s="17">
        <v>0</v>
      </c>
      <c r="AE27" s="17">
        <v>0</v>
      </c>
      <c r="AF27" s="17">
        <v>0</v>
      </c>
      <c r="AG27" s="17">
        <v>660288</v>
      </c>
      <c r="AH27" s="17">
        <v>608291</v>
      </c>
      <c r="AI27" s="17">
        <v>0</v>
      </c>
      <c r="AJ27" s="17">
        <v>37000</v>
      </c>
      <c r="AK27" s="17">
        <v>1792467</v>
      </c>
      <c r="AL27" s="17">
        <v>0</v>
      </c>
      <c r="AM27" s="17">
        <v>10838098</v>
      </c>
    </row>
    <row r="28" spans="1:39" s="11" customFormat="1" ht="17.25" customHeight="1">
      <c r="A28" s="5" t="s">
        <v>38</v>
      </c>
      <c r="B28" s="17">
        <v>1705087</v>
      </c>
      <c r="C28" s="17">
        <v>149855</v>
      </c>
      <c r="D28" s="17">
        <v>1384561</v>
      </c>
      <c r="E28" s="17">
        <v>89707</v>
      </c>
      <c r="F28" s="17">
        <v>1404473</v>
      </c>
      <c r="G28" s="17">
        <v>388942</v>
      </c>
      <c r="H28" s="17">
        <v>8021</v>
      </c>
      <c r="I28" s="17">
        <v>2126</v>
      </c>
      <c r="J28" s="17">
        <v>92849</v>
      </c>
      <c r="K28" s="17">
        <v>34455</v>
      </c>
      <c r="L28" s="17">
        <v>251491</v>
      </c>
      <c r="M28" s="17">
        <v>531435</v>
      </c>
      <c r="N28" s="17">
        <v>167128</v>
      </c>
      <c r="O28" s="17">
        <v>158986</v>
      </c>
      <c r="P28" s="17">
        <v>0</v>
      </c>
      <c r="Q28" s="17">
        <v>0</v>
      </c>
      <c r="R28" s="17">
        <v>205321</v>
      </c>
      <c r="S28" s="17">
        <v>0</v>
      </c>
      <c r="T28" s="17">
        <v>0</v>
      </c>
      <c r="U28" s="17">
        <v>0</v>
      </c>
      <c r="V28" s="17">
        <v>0</v>
      </c>
      <c r="W28" s="17">
        <v>0</v>
      </c>
      <c r="X28" s="17">
        <v>0</v>
      </c>
      <c r="Y28" s="17">
        <v>0</v>
      </c>
      <c r="Z28" s="17">
        <v>0</v>
      </c>
      <c r="AA28" s="17">
        <v>0</v>
      </c>
      <c r="AB28" s="17">
        <v>0</v>
      </c>
      <c r="AC28" s="17">
        <v>0</v>
      </c>
      <c r="AD28" s="17">
        <v>0</v>
      </c>
      <c r="AE28" s="17">
        <v>0</v>
      </c>
      <c r="AF28" s="17">
        <v>0</v>
      </c>
      <c r="AG28" s="17">
        <v>674161</v>
      </c>
      <c r="AH28" s="17">
        <v>555779</v>
      </c>
      <c r="AI28" s="17">
        <v>0</v>
      </c>
      <c r="AJ28" s="17">
        <v>30000</v>
      </c>
      <c r="AK28" s="17">
        <v>1333107</v>
      </c>
      <c r="AL28" s="17">
        <v>0</v>
      </c>
      <c r="AM28" s="17">
        <v>8097252</v>
      </c>
    </row>
    <row r="29" spans="1:39" s="11" customFormat="1" ht="17.25" customHeight="1">
      <c r="A29" s="5" t="s">
        <v>39</v>
      </c>
      <c r="B29" s="17">
        <v>844078</v>
      </c>
      <c r="C29" s="17">
        <v>67387</v>
      </c>
      <c r="D29" s="17">
        <v>759532</v>
      </c>
      <c r="E29" s="17">
        <v>31070</v>
      </c>
      <c r="F29" s="17">
        <v>451982</v>
      </c>
      <c r="G29" s="17">
        <v>403107</v>
      </c>
      <c r="H29" s="17">
        <v>907</v>
      </c>
      <c r="I29" s="17">
        <v>24</v>
      </c>
      <c r="J29" s="17">
        <v>140011</v>
      </c>
      <c r="K29" s="17">
        <v>113183</v>
      </c>
      <c r="L29" s="17">
        <v>148982</v>
      </c>
      <c r="M29" s="17">
        <v>399631</v>
      </c>
      <c r="N29" s="17">
        <v>89288</v>
      </c>
      <c r="O29" s="17">
        <v>298417</v>
      </c>
      <c r="P29" s="17">
        <v>0</v>
      </c>
      <c r="Q29" s="17">
        <v>11926</v>
      </c>
      <c r="R29" s="17">
        <v>0</v>
      </c>
      <c r="S29" s="17">
        <v>0</v>
      </c>
      <c r="T29" s="17">
        <v>0</v>
      </c>
      <c r="U29" s="17">
        <v>0</v>
      </c>
      <c r="V29" s="17">
        <v>0</v>
      </c>
      <c r="W29" s="17">
        <v>0</v>
      </c>
      <c r="X29" s="17">
        <v>0</v>
      </c>
      <c r="Y29" s="17">
        <v>0</v>
      </c>
      <c r="Z29" s="17">
        <v>0</v>
      </c>
      <c r="AA29" s="17">
        <v>0</v>
      </c>
      <c r="AB29" s="17">
        <v>0</v>
      </c>
      <c r="AC29" s="17">
        <v>0</v>
      </c>
      <c r="AD29" s="17">
        <v>0</v>
      </c>
      <c r="AE29" s="17">
        <v>0</v>
      </c>
      <c r="AF29" s="17">
        <v>0</v>
      </c>
      <c r="AG29" s="17">
        <v>61888</v>
      </c>
      <c r="AH29" s="17">
        <v>91719</v>
      </c>
      <c r="AI29" s="17">
        <v>0</v>
      </c>
      <c r="AJ29" s="17">
        <v>14000</v>
      </c>
      <c r="AK29" s="17">
        <v>692242</v>
      </c>
      <c r="AL29" s="17">
        <v>0</v>
      </c>
      <c r="AM29" s="17">
        <v>3749249</v>
      </c>
    </row>
    <row r="30" spans="1:39" s="11" customFormat="1" ht="17.25" customHeight="1">
      <c r="A30" s="5" t="s">
        <v>40</v>
      </c>
      <c r="B30" s="17">
        <v>1151262</v>
      </c>
      <c r="C30" s="17">
        <v>107657</v>
      </c>
      <c r="D30" s="17">
        <v>877389</v>
      </c>
      <c r="E30" s="17">
        <v>33603</v>
      </c>
      <c r="F30" s="17">
        <v>863500</v>
      </c>
      <c r="G30" s="17">
        <v>710781</v>
      </c>
      <c r="H30" s="17">
        <v>18367</v>
      </c>
      <c r="I30" s="17">
        <v>2331</v>
      </c>
      <c r="J30" s="17">
        <v>268809</v>
      </c>
      <c r="K30" s="17">
        <v>149151</v>
      </c>
      <c r="L30" s="17">
        <v>272123</v>
      </c>
      <c r="M30" s="17">
        <v>709643</v>
      </c>
      <c r="N30" s="17">
        <v>418734</v>
      </c>
      <c r="O30" s="17">
        <v>247602</v>
      </c>
      <c r="P30" s="17">
        <v>0</v>
      </c>
      <c r="Q30" s="17">
        <v>4591</v>
      </c>
      <c r="R30" s="17">
        <v>38716</v>
      </c>
      <c r="S30" s="17">
        <v>0</v>
      </c>
      <c r="T30" s="17">
        <v>0</v>
      </c>
      <c r="U30" s="17">
        <v>0</v>
      </c>
      <c r="V30" s="17">
        <v>0</v>
      </c>
      <c r="W30" s="17">
        <v>0</v>
      </c>
      <c r="X30" s="17">
        <v>0</v>
      </c>
      <c r="Y30" s="17">
        <v>0</v>
      </c>
      <c r="Z30" s="17">
        <v>0</v>
      </c>
      <c r="AA30" s="17">
        <v>0</v>
      </c>
      <c r="AB30" s="17">
        <v>0</v>
      </c>
      <c r="AC30" s="17">
        <v>0</v>
      </c>
      <c r="AD30" s="17">
        <v>0</v>
      </c>
      <c r="AE30" s="17">
        <v>0</v>
      </c>
      <c r="AF30" s="17">
        <v>0</v>
      </c>
      <c r="AG30" s="17">
        <v>215630</v>
      </c>
      <c r="AH30" s="17">
        <v>655</v>
      </c>
      <c r="AI30" s="17">
        <v>0</v>
      </c>
      <c r="AJ30" s="17">
        <v>10240</v>
      </c>
      <c r="AK30" s="17">
        <v>759378</v>
      </c>
      <c r="AL30" s="17">
        <v>0</v>
      </c>
      <c r="AM30" s="17">
        <v>5332081</v>
      </c>
    </row>
    <row r="31" spans="1:39" s="11" customFormat="1" ht="17.25" customHeight="1">
      <c r="A31" s="5" t="s">
        <v>41</v>
      </c>
      <c r="B31" s="17">
        <v>927196</v>
      </c>
      <c r="C31" s="17">
        <v>86643</v>
      </c>
      <c r="D31" s="17">
        <v>812521</v>
      </c>
      <c r="E31" s="17">
        <v>18687</v>
      </c>
      <c r="F31" s="17">
        <v>610422</v>
      </c>
      <c r="G31" s="17">
        <v>477185</v>
      </c>
      <c r="H31" s="17">
        <v>4121</v>
      </c>
      <c r="I31" s="17">
        <v>48</v>
      </c>
      <c r="J31" s="17">
        <v>168267</v>
      </c>
      <c r="K31" s="17">
        <v>116444</v>
      </c>
      <c r="L31" s="17">
        <v>188305</v>
      </c>
      <c r="M31" s="17">
        <v>478374</v>
      </c>
      <c r="N31" s="17">
        <v>205484</v>
      </c>
      <c r="O31" s="17">
        <v>241325</v>
      </c>
      <c r="P31" s="17">
        <v>0</v>
      </c>
      <c r="Q31" s="17">
        <v>0</v>
      </c>
      <c r="R31" s="17">
        <v>31565</v>
      </c>
      <c r="S31" s="17">
        <v>0</v>
      </c>
      <c r="T31" s="17">
        <v>0</v>
      </c>
      <c r="U31" s="17">
        <v>0</v>
      </c>
      <c r="V31" s="17">
        <v>0</v>
      </c>
      <c r="W31" s="17">
        <v>0</v>
      </c>
      <c r="X31" s="17">
        <v>0</v>
      </c>
      <c r="Y31" s="17">
        <v>0</v>
      </c>
      <c r="Z31" s="17">
        <v>0</v>
      </c>
      <c r="AA31" s="17">
        <v>0</v>
      </c>
      <c r="AB31" s="17">
        <v>0</v>
      </c>
      <c r="AC31" s="17">
        <v>0</v>
      </c>
      <c r="AD31" s="17">
        <v>0</v>
      </c>
      <c r="AE31" s="17">
        <v>0</v>
      </c>
      <c r="AF31" s="17">
        <v>0</v>
      </c>
      <c r="AG31" s="17">
        <v>350427</v>
      </c>
      <c r="AH31" s="17">
        <v>30042</v>
      </c>
      <c r="AI31" s="17">
        <v>0</v>
      </c>
      <c r="AJ31" s="17">
        <v>5000</v>
      </c>
      <c r="AK31" s="17">
        <v>584784</v>
      </c>
      <c r="AL31" s="17">
        <v>0</v>
      </c>
      <c r="AM31" s="17">
        <v>4294638</v>
      </c>
    </row>
    <row r="32" spans="1:39" s="11" customFormat="1" ht="17.25" customHeight="1">
      <c r="A32" s="5" t="s">
        <v>42</v>
      </c>
      <c r="B32" s="17">
        <v>1242945</v>
      </c>
      <c r="C32" s="17">
        <v>138043</v>
      </c>
      <c r="D32" s="17">
        <v>961381</v>
      </c>
      <c r="E32" s="17">
        <v>36398</v>
      </c>
      <c r="F32" s="17">
        <v>462937</v>
      </c>
      <c r="G32" s="17">
        <v>925761</v>
      </c>
      <c r="H32" s="17">
        <v>5291</v>
      </c>
      <c r="I32" s="17">
        <v>20</v>
      </c>
      <c r="J32" s="17">
        <v>167945</v>
      </c>
      <c r="K32" s="17">
        <v>160478</v>
      </c>
      <c r="L32" s="17">
        <v>592027</v>
      </c>
      <c r="M32" s="17">
        <v>366161</v>
      </c>
      <c r="N32" s="17">
        <v>106131</v>
      </c>
      <c r="O32" s="17">
        <v>255081</v>
      </c>
      <c r="P32" s="17">
        <v>0</v>
      </c>
      <c r="Q32" s="17">
        <v>4949</v>
      </c>
      <c r="R32" s="17">
        <v>0</v>
      </c>
      <c r="S32" s="17">
        <v>0</v>
      </c>
      <c r="T32" s="17">
        <v>0</v>
      </c>
      <c r="U32" s="17">
        <v>0</v>
      </c>
      <c r="V32" s="17">
        <v>22680</v>
      </c>
      <c r="W32" s="17">
        <v>0</v>
      </c>
      <c r="X32" s="17">
        <v>22680</v>
      </c>
      <c r="Y32" s="17">
        <v>0</v>
      </c>
      <c r="Z32" s="17">
        <v>0</v>
      </c>
      <c r="AA32" s="17">
        <v>0</v>
      </c>
      <c r="AB32" s="17">
        <v>0</v>
      </c>
      <c r="AC32" s="17">
        <v>0</v>
      </c>
      <c r="AD32" s="17">
        <v>0</v>
      </c>
      <c r="AE32" s="17">
        <v>0</v>
      </c>
      <c r="AF32" s="17">
        <v>0</v>
      </c>
      <c r="AG32" s="17">
        <v>389801</v>
      </c>
      <c r="AH32" s="17">
        <v>173762</v>
      </c>
      <c r="AI32" s="17">
        <v>0</v>
      </c>
      <c r="AJ32" s="17">
        <v>180</v>
      </c>
      <c r="AK32" s="17">
        <v>596518</v>
      </c>
      <c r="AL32" s="17">
        <v>0</v>
      </c>
      <c r="AM32" s="17">
        <v>5178524</v>
      </c>
    </row>
    <row r="33" spans="1:39" s="11" customFormat="1" ht="17.25" customHeight="1">
      <c r="A33" s="5" t="s">
        <v>43</v>
      </c>
      <c r="B33" s="17">
        <v>966944</v>
      </c>
      <c r="C33" s="17">
        <v>86579</v>
      </c>
      <c r="D33" s="17">
        <v>969546</v>
      </c>
      <c r="E33" s="17">
        <v>6737</v>
      </c>
      <c r="F33" s="17">
        <v>1137551</v>
      </c>
      <c r="G33" s="17">
        <v>649225</v>
      </c>
      <c r="H33" s="17">
        <v>7443</v>
      </c>
      <c r="I33" s="17">
        <v>596</v>
      </c>
      <c r="J33" s="17">
        <v>288086</v>
      </c>
      <c r="K33" s="17">
        <v>177924</v>
      </c>
      <c r="L33" s="17">
        <v>175176</v>
      </c>
      <c r="M33" s="17">
        <v>291645</v>
      </c>
      <c r="N33" s="17">
        <v>129968</v>
      </c>
      <c r="O33" s="17">
        <v>161677</v>
      </c>
      <c r="P33" s="17">
        <v>0</v>
      </c>
      <c r="Q33" s="17">
        <v>0</v>
      </c>
      <c r="R33" s="17">
        <v>0</v>
      </c>
      <c r="S33" s="17">
        <v>0</v>
      </c>
      <c r="T33" s="17">
        <v>0</v>
      </c>
      <c r="U33" s="17">
        <v>0</v>
      </c>
      <c r="V33" s="17">
        <v>0</v>
      </c>
      <c r="W33" s="17">
        <v>0</v>
      </c>
      <c r="X33" s="17">
        <v>0</v>
      </c>
      <c r="Y33" s="17">
        <v>0</v>
      </c>
      <c r="Z33" s="17">
        <v>0</v>
      </c>
      <c r="AA33" s="17">
        <v>0</v>
      </c>
      <c r="AB33" s="17">
        <v>0</v>
      </c>
      <c r="AC33" s="17">
        <v>0</v>
      </c>
      <c r="AD33" s="17">
        <v>0</v>
      </c>
      <c r="AE33" s="17">
        <v>0</v>
      </c>
      <c r="AF33" s="17">
        <v>0</v>
      </c>
      <c r="AG33" s="17">
        <v>434606</v>
      </c>
      <c r="AH33" s="17">
        <v>531010</v>
      </c>
      <c r="AI33" s="17">
        <v>0</v>
      </c>
      <c r="AJ33" s="17">
        <v>6600</v>
      </c>
      <c r="AK33" s="17">
        <v>619423</v>
      </c>
      <c r="AL33" s="17">
        <v>0</v>
      </c>
      <c r="AM33" s="17">
        <v>5613287</v>
      </c>
    </row>
    <row r="34" spans="1:39" s="11" customFormat="1" ht="17.25" customHeight="1">
      <c r="A34" s="5" t="s">
        <v>44</v>
      </c>
      <c r="B34" s="17">
        <v>2810294</v>
      </c>
      <c r="C34" s="17">
        <v>256530</v>
      </c>
      <c r="D34" s="17">
        <v>2305664</v>
      </c>
      <c r="E34" s="17">
        <v>341177</v>
      </c>
      <c r="F34" s="17">
        <v>535822</v>
      </c>
      <c r="G34" s="17">
        <v>429810</v>
      </c>
      <c r="H34" s="17">
        <v>2590</v>
      </c>
      <c r="I34" s="17">
        <v>3329</v>
      </c>
      <c r="J34" s="17">
        <v>20827</v>
      </c>
      <c r="K34" s="17">
        <v>31621</v>
      </c>
      <c r="L34" s="17">
        <v>371443</v>
      </c>
      <c r="M34" s="17">
        <v>1058153</v>
      </c>
      <c r="N34" s="17">
        <v>52883</v>
      </c>
      <c r="O34" s="17">
        <v>973145</v>
      </c>
      <c r="P34" s="17">
        <v>0</v>
      </c>
      <c r="Q34" s="17">
        <v>0</v>
      </c>
      <c r="R34" s="17">
        <v>32125</v>
      </c>
      <c r="S34" s="17">
        <v>0</v>
      </c>
      <c r="T34" s="17">
        <v>0</v>
      </c>
      <c r="U34" s="17">
        <v>0</v>
      </c>
      <c r="V34" s="17">
        <v>0</v>
      </c>
      <c r="W34" s="17">
        <v>0</v>
      </c>
      <c r="X34" s="17">
        <v>0</v>
      </c>
      <c r="Y34" s="17">
        <v>0</v>
      </c>
      <c r="Z34" s="17">
        <v>0</v>
      </c>
      <c r="AA34" s="17">
        <v>0</v>
      </c>
      <c r="AB34" s="17">
        <v>0</v>
      </c>
      <c r="AC34" s="17">
        <v>0</v>
      </c>
      <c r="AD34" s="17">
        <v>0</v>
      </c>
      <c r="AE34" s="17">
        <v>0</v>
      </c>
      <c r="AF34" s="17">
        <v>0</v>
      </c>
      <c r="AG34" s="17">
        <v>885608</v>
      </c>
      <c r="AH34" s="17">
        <v>636359</v>
      </c>
      <c r="AI34" s="17">
        <v>0</v>
      </c>
      <c r="AJ34" s="17">
        <v>12524</v>
      </c>
      <c r="AK34" s="17">
        <v>891428</v>
      </c>
      <c r="AL34" s="17">
        <v>0</v>
      </c>
      <c r="AM34" s="17">
        <v>9906839</v>
      </c>
    </row>
    <row r="35" spans="1:39" s="11" customFormat="1" ht="17.25" customHeight="1">
      <c r="A35" s="5" t="s">
        <v>45</v>
      </c>
      <c r="B35" s="17">
        <v>657451</v>
      </c>
      <c r="C35" s="17">
        <v>56468</v>
      </c>
      <c r="D35" s="17">
        <v>503474</v>
      </c>
      <c r="E35" s="17">
        <v>20042</v>
      </c>
      <c r="F35" s="17">
        <v>419896</v>
      </c>
      <c r="G35" s="17">
        <v>735750</v>
      </c>
      <c r="H35" s="17">
        <v>7959</v>
      </c>
      <c r="I35" s="17">
        <v>2</v>
      </c>
      <c r="J35" s="17">
        <v>218229</v>
      </c>
      <c r="K35" s="17">
        <v>398274</v>
      </c>
      <c r="L35" s="17">
        <v>111286</v>
      </c>
      <c r="M35" s="17">
        <v>88684</v>
      </c>
      <c r="N35" s="17">
        <v>40332</v>
      </c>
      <c r="O35" s="17">
        <v>48262</v>
      </c>
      <c r="P35" s="17">
        <v>0</v>
      </c>
      <c r="Q35" s="17">
        <v>90</v>
      </c>
      <c r="R35" s="17">
        <v>0</v>
      </c>
      <c r="S35" s="17">
        <v>0</v>
      </c>
      <c r="T35" s="17">
        <v>0</v>
      </c>
      <c r="U35" s="17">
        <v>0</v>
      </c>
      <c r="V35" s="17">
        <v>0</v>
      </c>
      <c r="W35" s="17">
        <v>0</v>
      </c>
      <c r="X35" s="17">
        <v>0</v>
      </c>
      <c r="Y35" s="17">
        <v>0</v>
      </c>
      <c r="Z35" s="17">
        <v>0</v>
      </c>
      <c r="AA35" s="17">
        <v>0</v>
      </c>
      <c r="AB35" s="17">
        <v>0</v>
      </c>
      <c r="AC35" s="17">
        <v>0</v>
      </c>
      <c r="AD35" s="17">
        <v>0</v>
      </c>
      <c r="AE35" s="17">
        <v>0</v>
      </c>
      <c r="AF35" s="17">
        <v>0</v>
      </c>
      <c r="AG35" s="17">
        <v>269910</v>
      </c>
      <c r="AH35" s="17">
        <v>44128</v>
      </c>
      <c r="AI35" s="17">
        <v>0</v>
      </c>
      <c r="AJ35" s="17">
        <v>0</v>
      </c>
      <c r="AK35" s="17">
        <v>540006</v>
      </c>
      <c r="AL35" s="17">
        <v>0</v>
      </c>
      <c r="AM35" s="17">
        <v>3279341</v>
      </c>
    </row>
    <row r="36" spans="1:39" s="11" customFormat="1" ht="17.25" customHeight="1">
      <c r="A36" s="5" t="s">
        <v>46</v>
      </c>
      <c r="B36" s="17">
        <v>2243450</v>
      </c>
      <c r="C36" s="17">
        <v>215900</v>
      </c>
      <c r="D36" s="17">
        <v>1485181</v>
      </c>
      <c r="E36" s="17">
        <v>58163</v>
      </c>
      <c r="F36" s="17">
        <v>1063356</v>
      </c>
      <c r="G36" s="17">
        <v>1655792</v>
      </c>
      <c r="H36" s="17">
        <v>22329</v>
      </c>
      <c r="I36" s="17">
        <v>2211</v>
      </c>
      <c r="J36" s="17">
        <v>67628</v>
      </c>
      <c r="K36" s="17">
        <v>628314</v>
      </c>
      <c r="L36" s="17">
        <v>935310</v>
      </c>
      <c r="M36" s="17">
        <v>1206966</v>
      </c>
      <c r="N36" s="17">
        <v>454263</v>
      </c>
      <c r="O36" s="17">
        <v>729444</v>
      </c>
      <c r="P36" s="17">
        <v>0</v>
      </c>
      <c r="Q36" s="17">
        <v>14574</v>
      </c>
      <c r="R36" s="17">
        <v>8685</v>
      </c>
      <c r="S36" s="17">
        <v>0</v>
      </c>
      <c r="T36" s="17">
        <v>0</v>
      </c>
      <c r="U36" s="17">
        <v>0</v>
      </c>
      <c r="V36" s="17">
        <v>0</v>
      </c>
      <c r="W36" s="17">
        <v>0</v>
      </c>
      <c r="X36" s="17">
        <v>0</v>
      </c>
      <c r="Y36" s="17">
        <v>0</v>
      </c>
      <c r="Z36" s="17">
        <v>0</v>
      </c>
      <c r="AA36" s="17">
        <v>0</v>
      </c>
      <c r="AB36" s="17">
        <v>0</v>
      </c>
      <c r="AC36" s="17">
        <v>0</v>
      </c>
      <c r="AD36" s="17">
        <v>0</v>
      </c>
      <c r="AE36" s="17">
        <v>0</v>
      </c>
      <c r="AF36" s="17">
        <v>0</v>
      </c>
      <c r="AG36" s="17">
        <v>661357</v>
      </c>
      <c r="AH36" s="17">
        <v>830172</v>
      </c>
      <c r="AI36" s="17">
        <v>0</v>
      </c>
      <c r="AJ36" s="17">
        <v>6000</v>
      </c>
      <c r="AK36" s="17">
        <v>1012657</v>
      </c>
      <c r="AL36" s="17">
        <v>0</v>
      </c>
      <c r="AM36" s="17">
        <v>10223094</v>
      </c>
    </row>
    <row r="37" spans="1:39" s="11" customFormat="1" ht="17.25" customHeight="1">
      <c r="A37" s="5" t="s">
        <v>47</v>
      </c>
      <c r="B37" s="17">
        <v>3152089</v>
      </c>
      <c r="C37" s="17">
        <v>290323</v>
      </c>
      <c r="D37" s="17">
        <v>2065910</v>
      </c>
      <c r="E37" s="17">
        <v>76117</v>
      </c>
      <c r="F37" s="17">
        <v>2363909</v>
      </c>
      <c r="G37" s="17">
        <v>765813</v>
      </c>
      <c r="H37" s="17">
        <v>4883</v>
      </c>
      <c r="I37" s="17">
        <v>2563</v>
      </c>
      <c r="J37" s="17">
        <v>207968</v>
      </c>
      <c r="K37" s="17">
        <v>71531</v>
      </c>
      <c r="L37" s="17">
        <v>478868</v>
      </c>
      <c r="M37" s="17">
        <v>800149</v>
      </c>
      <c r="N37" s="17">
        <v>82968</v>
      </c>
      <c r="O37" s="17">
        <v>707894</v>
      </c>
      <c r="P37" s="17">
        <v>0</v>
      </c>
      <c r="Q37" s="17">
        <v>9287</v>
      </c>
      <c r="R37" s="17">
        <v>0</v>
      </c>
      <c r="S37" s="17">
        <v>0</v>
      </c>
      <c r="T37" s="17">
        <v>0</v>
      </c>
      <c r="U37" s="17">
        <v>0</v>
      </c>
      <c r="V37" s="17">
        <v>14174</v>
      </c>
      <c r="W37" s="17">
        <v>0</v>
      </c>
      <c r="X37" s="17">
        <v>14174</v>
      </c>
      <c r="Y37" s="17">
        <v>0</v>
      </c>
      <c r="Z37" s="17">
        <v>0</v>
      </c>
      <c r="AA37" s="17">
        <v>0</v>
      </c>
      <c r="AB37" s="17">
        <v>0</v>
      </c>
      <c r="AC37" s="17">
        <v>0</v>
      </c>
      <c r="AD37" s="17">
        <v>0</v>
      </c>
      <c r="AE37" s="17">
        <v>0</v>
      </c>
      <c r="AF37" s="17">
        <v>0</v>
      </c>
      <c r="AG37" s="17">
        <v>645070</v>
      </c>
      <c r="AH37" s="17">
        <v>227821</v>
      </c>
      <c r="AI37" s="17">
        <v>0</v>
      </c>
      <c r="AJ37" s="17">
        <v>190500</v>
      </c>
      <c r="AK37" s="17">
        <v>1723141</v>
      </c>
      <c r="AL37" s="17">
        <v>0</v>
      </c>
      <c r="AM37" s="17">
        <v>12024693</v>
      </c>
    </row>
    <row r="38" spans="1:39" ht="17.25" customHeight="1">
      <c r="A38" s="6" t="s">
        <v>48</v>
      </c>
      <c r="B38" s="18">
        <v>610358</v>
      </c>
      <c r="C38" s="18">
        <v>48096</v>
      </c>
      <c r="D38" s="18">
        <v>475027</v>
      </c>
      <c r="E38" s="18">
        <v>17358</v>
      </c>
      <c r="F38" s="18">
        <v>141199</v>
      </c>
      <c r="G38" s="18">
        <v>405192</v>
      </c>
      <c r="H38" s="18">
        <v>3339</v>
      </c>
      <c r="I38" s="18">
        <v>50</v>
      </c>
      <c r="J38" s="18">
        <v>210831</v>
      </c>
      <c r="K38" s="18">
        <v>35943</v>
      </c>
      <c r="L38" s="18">
        <v>155029</v>
      </c>
      <c r="M38" s="18">
        <v>869173</v>
      </c>
      <c r="N38" s="18">
        <v>677359</v>
      </c>
      <c r="O38" s="18">
        <v>191814</v>
      </c>
      <c r="P38" s="18">
        <v>0</v>
      </c>
      <c r="Q38" s="18">
        <v>0</v>
      </c>
      <c r="R38" s="18">
        <v>0</v>
      </c>
      <c r="S38" s="18">
        <v>0</v>
      </c>
      <c r="T38" s="18">
        <v>0</v>
      </c>
      <c r="U38" s="18">
        <v>0</v>
      </c>
      <c r="V38" s="18">
        <v>0</v>
      </c>
      <c r="W38" s="18">
        <v>0</v>
      </c>
      <c r="X38" s="18">
        <v>0</v>
      </c>
      <c r="Y38" s="18">
        <v>0</v>
      </c>
      <c r="Z38" s="18">
        <v>0</v>
      </c>
      <c r="AA38" s="18">
        <v>0</v>
      </c>
      <c r="AB38" s="18">
        <v>0</v>
      </c>
      <c r="AC38" s="18">
        <v>0</v>
      </c>
      <c r="AD38" s="18">
        <v>0</v>
      </c>
      <c r="AE38" s="18">
        <v>0</v>
      </c>
      <c r="AF38" s="18">
        <v>0</v>
      </c>
      <c r="AG38" s="18">
        <v>16490</v>
      </c>
      <c r="AH38" s="18">
        <v>62164</v>
      </c>
      <c r="AI38" s="18">
        <v>0</v>
      </c>
      <c r="AJ38" s="18">
        <v>12300</v>
      </c>
      <c r="AK38" s="18">
        <v>254366</v>
      </c>
      <c r="AL38" s="18">
        <v>0</v>
      </c>
      <c r="AM38" s="18">
        <v>2863627</v>
      </c>
    </row>
    <row r="39" spans="1:39" ht="17.25" customHeight="1">
      <c r="A39" s="7" t="s">
        <v>49</v>
      </c>
      <c r="B39" s="19">
        <v>768745755</v>
      </c>
      <c r="C39" s="19">
        <v>55179900</v>
      </c>
      <c r="D39" s="19">
        <v>421398156</v>
      </c>
      <c r="E39" s="19">
        <v>29896792</v>
      </c>
      <c r="F39" s="19">
        <v>975113140</v>
      </c>
      <c r="G39" s="19">
        <v>295790145</v>
      </c>
      <c r="H39" s="19">
        <v>6083021</v>
      </c>
      <c r="I39" s="19">
        <v>853263</v>
      </c>
      <c r="J39" s="19">
        <v>4692426</v>
      </c>
      <c r="K39" s="19">
        <v>6715391</v>
      </c>
      <c r="L39" s="19">
        <v>277446044</v>
      </c>
      <c r="M39" s="19">
        <v>442852438</v>
      </c>
      <c r="N39" s="19">
        <v>168502535</v>
      </c>
      <c r="O39" s="19">
        <v>259093128</v>
      </c>
      <c r="P39" s="19">
        <v>11962768</v>
      </c>
      <c r="Q39" s="19">
        <v>1835671</v>
      </c>
      <c r="R39" s="19">
        <v>966060</v>
      </c>
      <c r="S39" s="19">
        <v>492276</v>
      </c>
      <c r="T39" s="19">
        <v>192049</v>
      </c>
      <c r="U39" s="19">
        <v>300227</v>
      </c>
      <c r="V39" s="19">
        <v>875325</v>
      </c>
      <c r="W39" s="19">
        <v>37789</v>
      </c>
      <c r="X39" s="19">
        <v>837536</v>
      </c>
      <c r="Y39" s="19">
        <v>0</v>
      </c>
      <c r="Z39" s="19">
        <v>0</v>
      </c>
      <c r="AA39" s="19">
        <v>0</v>
      </c>
      <c r="AB39" s="19">
        <v>0</v>
      </c>
      <c r="AC39" s="19">
        <v>0</v>
      </c>
      <c r="AD39" s="19">
        <v>0</v>
      </c>
      <c r="AE39" s="19">
        <v>0</v>
      </c>
      <c r="AF39" s="19">
        <v>0</v>
      </c>
      <c r="AG39" s="19">
        <v>361044244</v>
      </c>
      <c r="AH39" s="19">
        <v>51902979</v>
      </c>
      <c r="AI39" s="19">
        <v>18487450</v>
      </c>
      <c r="AJ39" s="19">
        <v>95685376</v>
      </c>
      <c r="AK39" s="19">
        <v>288473074</v>
      </c>
      <c r="AL39" s="19">
        <v>0</v>
      </c>
      <c r="AM39" s="19">
        <v>3750264874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３）イ　歳出（性質別）［&amp;P/&amp;N］&amp;R&amp;"ＭＳ ゴシック,標準"&amp;10
（単位：千円）</oddHeader>
  </headerFooter>
  <colBreaks count="5" manualBreakCount="5">
    <brk id="8" max="43" man="1"/>
    <brk id="15" max="43" man="1"/>
    <brk id="22" max="43" man="1"/>
    <brk id="29" max="43" man="1"/>
    <brk id="36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13-1</vt:lpstr>
      <vt:lpstr>13-2</vt:lpstr>
      <vt:lpstr>'13-1'!Print_Area</vt:lpstr>
      <vt:lpstr>'13-2'!Print_Area</vt:lpstr>
      <vt:lpstr>'13-1'!Print_Titles</vt:lpstr>
      <vt:lpstr>'13-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8-12-06T04:49:09Z</cp:lastPrinted>
  <dcterms:created xsi:type="dcterms:W3CDTF">2013-03-18T10:11:53Z</dcterms:created>
  <dcterms:modified xsi:type="dcterms:W3CDTF">2018-12-06T04:49:37Z</dcterms:modified>
</cp:coreProperties>
</file>